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426"/>
  <workbookPr defaultThemeVersion="124226"/>
  <mc:AlternateContent xmlns:mc="http://schemas.openxmlformats.org/markup-compatibility/2006">
    <mc:Choice Requires="x15">
      <x15ac:absPath xmlns:x15ac="http://schemas.microsoft.com/office/spreadsheetml/2010/11/ac" url="C:\Users\s162312\Desktop\"/>
    </mc:Choice>
  </mc:AlternateContent>
  <xr:revisionPtr revIDLastSave="0" documentId="13_ncr:1_{807A01E7-2B90-434B-AA2C-49008E70C0ED}" xr6:coauthVersionLast="47" xr6:coauthVersionMax="47" xr10:uidLastSave="{00000000-0000-0000-0000-000000000000}"/>
  <bookViews>
    <workbookView xWindow="-108" yWindow="-108" windowWidth="23256" windowHeight="12456" tabRatio="591" xr2:uid="{00000000-000D-0000-FFFF-FFFF00000000}"/>
  </bookViews>
  <sheets>
    <sheet name="国公立大" sheetId="1" r:id="rId1"/>
    <sheet name="私立大" sheetId="2" r:id="rId2"/>
  </sheets>
  <definedNames>
    <definedName name="_____センタ教科科目数">#REF!</definedName>
    <definedName name="_0と08との差分">#REF!</definedName>
    <definedName name="_1_____大学・学部・学科はこの順番で_デザインで抽出条件を入力">#REF!</definedName>
    <definedName name="_10個人_富沢１">#REF!</definedName>
    <definedName name="_11個人_富沢３">#REF!</definedName>
    <definedName name="_12国公立大_教科科目数型集計用">#REF!</definedName>
    <definedName name="_13国公立大_詳細付">#REF!</definedName>
    <definedName name="_2_____大学はこの順番で_デザインで抽出条件を入力">#REF!</definedName>
    <definedName name="_3_____大学名はこの順番で_デザインで抽出条件を入力">#REF!</definedName>
    <definedName name="_4■国公立_完成">#REF!</definedName>
    <definedName name="_5■私立_完成">#REF!</definedName>
    <definedName name="_6_１１１１">#REF!</definedName>
    <definedName name="_7テーブル_県_地区">#REF!</definedName>
    <definedName name="_8一覧表_国公立">#REF!</definedName>
    <definedName name="_9一覧表_国公立作成のためのセンタ教科科目数">#REF!</definedName>
    <definedName name="_xlnm._FilterDatabase" localSheetId="0" hidden="1">国公立大!$A$9:$I$237</definedName>
    <definedName name="_xlnm._FilterDatabase" localSheetId="1" hidden="1">私立大!$A$9:$I$191</definedName>
    <definedName name="◇担当">#REF!</definedName>
    <definedName name="◇担当大学">#REF!</definedName>
    <definedName name="◇担当大学一覧201706009">#REF!</definedName>
    <definedName name="②センタ試験で3教科以下で受験できる国公立大">#REF!</definedName>
    <definedName name="ＧＬ10国公立ｾﾝﾀ3教科以下">#REF!</definedName>
    <definedName name="oda">#REF!</definedName>
    <definedName name="_xlnm.Print_Area" localSheetId="0">国公立大!$C$1:$I$237</definedName>
    <definedName name="_xlnm.Print_Area" localSheetId="1">私立大!$C$1:$I$191</definedName>
    <definedName name="_xlnm.Print_Titles" localSheetId="0">国公立大!$9:$9</definedName>
    <definedName name="_xlnm.Print_Titles" localSheetId="1">私立大!$9:$9</definedName>
    <definedName name="tomi">#REF!</definedName>
    <definedName name="tomi1">#REF!</definedName>
    <definedName name="tomizawa">#REF!</definedName>
    <definedName name="Z_02F2E0E2_F078_41E6_9E2B_227FFF0E0B97_.wvu.FilterData" localSheetId="0" hidden="1">国公立大!$A$9:$I$9</definedName>
    <definedName name="Z_034915D9_3113_41A5_9B35_F23E96D7EDC8_.wvu.FilterData" localSheetId="0" hidden="1">国公立大!$A$9:$I$9</definedName>
    <definedName name="Z_03A456E9_8D47_4554_B6D1_5D13CF1FBFA8_.wvu.FilterData" localSheetId="0" hidden="1">国公立大!$A$9:$I$9</definedName>
    <definedName name="Z_06D68F0A_5D12_4FFC_8827_778E76CA6D8C_.wvu.Cols" localSheetId="1" hidden="1">私立大!#REF!,私立大!#REF!</definedName>
    <definedName name="Z_06D68F0A_5D12_4FFC_8827_778E76CA6D8C_.wvu.FilterData" localSheetId="0" hidden="1">国公立大!$A$9:$I$9</definedName>
    <definedName name="Z_06D68F0A_5D12_4FFC_8827_778E76CA6D8C_.wvu.FilterData" localSheetId="1" hidden="1">私立大!$A$9:$I$9</definedName>
    <definedName name="Z_06D68F0A_5D12_4FFC_8827_778E76CA6D8C_.wvu.PrintArea" localSheetId="1" hidden="1">私立大!$A$1:$I$9</definedName>
    <definedName name="Z_06D68F0A_5D12_4FFC_8827_778E76CA6D8C_.wvu.PrintTitles" localSheetId="1" hidden="1">私立大!$9:$9</definedName>
    <definedName name="Z_082BC07F_BA27_45D5_A412_5D1BA14BFAA1_.wvu.FilterData" localSheetId="0" hidden="1">国公立大!$A$9:$I$9</definedName>
    <definedName name="Z_0A3D01FC_594A_498E_82FF_FC5A74E6D82A_.wvu.FilterData" localSheetId="0" hidden="1">国公立大!$A$9:$I$9</definedName>
    <definedName name="Z_139D77C4_AD45_48A6_8448_2EC930402666_.wvu.FilterData" localSheetId="0" hidden="1">国公立大!$A$9:$I$9</definedName>
    <definedName name="Z_1725C34C_4A82_4145_8DC7_61C7102A1970_.wvu.FilterData" localSheetId="0" hidden="1">国公立大!$A$9:$I$9</definedName>
    <definedName name="Z_17308E2B_C817_4FA0_BA0D_D7325461D427_.wvu.FilterData" localSheetId="0" hidden="1">国公立大!$A$9:$I$9</definedName>
    <definedName name="Z_1752490E_21E3_4D16_A538_7051771A2B43_.wvu.FilterData" localSheetId="1" hidden="1">私立大!$A$9:$I$9</definedName>
    <definedName name="Z_175DAF00_FEAC_4E49_8CE7_F4839D464184_.wvu.Cols" localSheetId="0" hidden="1">国公立大!$C:$D</definedName>
    <definedName name="Z_175DAF00_FEAC_4E49_8CE7_F4839D464184_.wvu.Cols" localSheetId="1" hidden="1">私立大!#REF!</definedName>
    <definedName name="Z_175DAF00_FEAC_4E49_8CE7_F4839D464184_.wvu.FilterData" localSheetId="0" hidden="1">国公立大!$A$9:$I$9</definedName>
    <definedName name="Z_175DAF00_FEAC_4E49_8CE7_F4839D464184_.wvu.FilterData" localSheetId="1" hidden="1">私立大!$A$9:$I$9</definedName>
    <definedName name="Z_175DAF00_FEAC_4E49_8CE7_F4839D464184_.wvu.PrintArea" localSheetId="0" hidden="1">国公立大!$A$1:$I$9</definedName>
    <definedName name="Z_175DAF00_FEAC_4E49_8CE7_F4839D464184_.wvu.PrintArea" localSheetId="1" hidden="1">私立大!$A:$I</definedName>
    <definedName name="Z_175DAF00_FEAC_4E49_8CE7_F4839D464184_.wvu.PrintTitles" localSheetId="1" hidden="1">私立大!$9:$9</definedName>
    <definedName name="Z_18476B22_961E_488D_B2EE_A09F59CE73C2_.wvu.FilterData" localSheetId="0" hidden="1">国公立大!$A$9:$I$9</definedName>
    <definedName name="Z_18476B22_961E_488D_B2EE_A09F59CE73C2_.wvu.FilterData" localSheetId="1" hidden="1">私立大!$A$9:$I$9</definedName>
    <definedName name="Z_19999B13_387F_4332_9D87_DB87F23FE540_.wvu.FilterData" localSheetId="0" hidden="1">国公立大!$A$9:$I$9</definedName>
    <definedName name="Z_207B080E_F946_4831_AD33_7E8F12EDBCF8_.wvu.FilterData" localSheetId="1" hidden="1">私立大!$A$9:$I$9</definedName>
    <definedName name="Z_223E129F_7771_4233_96D2_C38FF902C756_.wvu.FilterData" localSheetId="1" hidden="1">私立大!$A$9:$I$9</definedName>
    <definedName name="Z_230DB1A8_8555_4DB2_9ABA_765937791049_.wvu.Cols" localSheetId="0" hidden="1">国公立大!$C:$D,国公立大!#REF!</definedName>
    <definedName name="Z_230DB1A8_8555_4DB2_9ABA_765937791049_.wvu.Cols" localSheetId="1" hidden="1">私立大!#REF!,私立大!#REF!,私立大!#REF!</definedName>
    <definedName name="Z_230DB1A8_8555_4DB2_9ABA_765937791049_.wvu.FilterData" localSheetId="0" hidden="1">国公立大!$A$9:$I$9</definedName>
    <definedName name="Z_230DB1A8_8555_4DB2_9ABA_765937791049_.wvu.FilterData" localSheetId="1" hidden="1">私立大!$A$9:$I$9</definedName>
    <definedName name="Z_230DB1A8_8555_4DB2_9ABA_765937791049_.wvu.PrintArea" localSheetId="0" hidden="1">国公立大!$A:$I</definedName>
    <definedName name="Z_230DB1A8_8555_4DB2_9ABA_765937791049_.wvu.PrintArea" localSheetId="1" hidden="1">私立大!$A:$I</definedName>
    <definedName name="Z_230DB1A8_8555_4DB2_9ABA_765937791049_.wvu.PrintTitles" localSheetId="0" hidden="1">国公立大!$9:$9</definedName>
    <definedName name="Z_230DB1A8_8555_4DB2_9ABA_765937791049_.wvu.PrintTitles" localSheetId="1" hidden="1">私立大!$9:$9</definedName>
    <definedName name="Z_2549D4C8_BE4A_485C_AEEF_81F0E0525A3A_.wvu.FilterData" localSheetId="0" hidden="1">国公立大!$A$9:$I$9</definedName>
    <definedName name="Z_28E96150_73BC_4228_9252_2C07936D43D1_.wvu.FilterData" localSheetId="0" hidden="1">国公立大!$A$9:$I$9</definedName>
    <definedName name="Z_28E96150_73BC_4228_9252_2C07936D43D1_.wvu.FilterData" localSheetId="1" hidden="1">私立大!$A$9:$I$9</definedName>
    <definedName name="Z_2B2D71CB_B9E1_49DF_BAC3_58725658EBF0_.wvu.FilterData" localSheetId="0" hidden="1">国公立大!$A$9:$I$9</definedName>
    <definedName name="Z_2C9AC8EF_B41F_4CFD_B4FD_FBACC9505C39_.wvu.FilterData" localSheetId="0" hidden="1">国公立大!$A$9:$I$9</definedName>
    <definedName name="Z_2C9AC8EF_B41F_4CFD_B4FD_FBACC9505C39_.wvu.FilterData" localSheetId="1" hidden="1">私立大!$A$9:$I$9</definedName>
    <definedName name="Z_3401FCE2_4FDF_4BCF_8605_8621B5EC0748_.wvu.FilterData" localSheetId="0" hidden="1">国公立大!$A$9:$I$9</definedName>
    <definedName name="Z_3C68FA2A_2D6E_4A30_9446_DB66DDE23646_.wvu.FilterData" localSheetId="0" hidden="1">国公立大!$A$9:$I$9</definedName>
    <definedName name="Z_3C68FA2A_2D6E_4A30_9446_DB66DDE23646_.wvu.FilterData" localSheetId="1" hidden="1">私立大!$A$9:$I$9</definedName>
    <definedName name="Z_3C68FA2A_2D6E_4A30_9446_DB66DDE23646_.wvu.PrintArea" localSheetId="0" hidden="1">国公立大!$A:$I</definedName>
    <definedName name="Z_3C68FA2A_2D6E_4A30_9446_DB66DDE23646_.wvu.PrintArea" localSheetId="1" hidden="1">私立大!$A:$I</definedName>
    <definedName name="Z_3C68FA2A_2D6E_4A30_9446_DB66DDE23646_.wvu.PrintTitles" localSheetId="0" hidden="1">国公立大!$9:$9</definedName>
    <definedName name="Z_3C68FA2A_2D6E_4A30_9446_DB66DDE23646_.wvu.PrintTitles" localSheetId="1" hidden="1">私立大!$1:$9</definedName>
    <definedName name="Z_3D028A93_4899_44FA_A580_DB3EE7CB246A_.wvu.FilterData" localSheetId="0" hidden="1">国公立大!$A$9:$I$9</definedName>
    <definedName name="Z_3DDFD7E3_3BC4_49EB_8270_710650CFBB51_.wvu.FilterData" localSheetId="0" hidden="1">国公立大!$A$9:$I$9</definedName>
    <definedName name="Z_3DDFD7E3_3BC4_49EB_8270_710650CFBB51_.wvu.FilterData" localSheetId="1" hidden="1">私立大!$A$9:$I$9</definedName>
    <definedName name="Z_3DDFD7E3_3BC4_49EB_8270_710650CFBB51_.wvu.PrintArea" localSheetId="0" hidden="1">国公立大!$A:$I</definedName>
    <definedName name="Z_3DDFD7E3_3BC4_49EB_8270_710650CFBB51_.wvu.PrintArea" localSheetId="1" hidden="1">私立大!$A:$I</definedName>
    <definedName name="Z_3DDFD7E3_3BC4_49EB_8270_710650CFBB51_.wvu.PrintTitles" localSheetId="0" hidden="1">国公立大!$9:$9</definedName>
    <definedName name="Z_3DDFD7E3_3BC4_49EB_8270_710650CFBB51_.wvu.PrintTitles" localSheetId="1" hidden="1">私立大!$9:$9</definedName>
    <definedName name="Z_3E40B704_66DB_4EF1_9919_C83BE09D5FA6_.wvu.FilterData" localSheetId="1" hidden="1">私立大!$A$9:$I$9</definedName>
    <definedName name="Z_3FB3DBB8_AF7D_414C_A066_A498AFFA70EF_.wvu.Cols" localSheetId="0" hidden="1">国公立大!$C:$D,国公立大!#REF!</definedName>
    <definedName name="Z_3FB3DBB8_AF7D_414C_A066_A498AFFA70EF_.wvu.Cols" localSheetId="1" hidden="1">私立大!#REF!,私立大!#REF!,私立大!#REF!</definedName>
    <definedName name="Z_3FB3DBB8_AF7D_414C_A066_A498AFFA70EF_.wvu.FilterData" localSheetId="0" hidden="1">国公立大!$A$9:$I$9</definedName>
    <definedName name="Z_3FB3DBB8_AF7D_414C_A066_A498AFFA70EF_.wvu.FilterData" localSheetId="1" hidden="1">私立大!$A$9:$I$9</definedName>
    <definedName name="Z_3FB3DBB8_AF7D_414C_A066_A498AFFA70EF_.wvu.PrintArea" localSheetId="0" hidden="1">国公立大!$A:$I</definedName>
    <definedName name="Z_3FB3DBB8_AF7D_414C_A066_A498AFFA70EF_.wvu.PrintArea" localSheetId="1" hidden="1">私立大!$A:$I</definedName>
    <definedName name="Z_3FB3DBB8_AF7D_414C_A066_A498AFFA70EF_.wvu.PrintTitles" localSheetId="0" hidden="1">国公立大!$9:$9</definedName>
    <definedName name="Z_3FB3DBB8_AF7D_414C_A066_A498AFFA70EF_.wvu.PrintTitles" localSheetId="1" hidden="1">私立大!$9:$9</definedName>
    <definedName name="Z_44C9B6DF_ED65_4152_87EB_3ECCA70AF321_.wvu.FilterData" localSheetId="0" hidden="1">国公立大!$A$9:$I$9</definedName>
    <definedName name="Z_44C9B6DF_ED65_4152_87EB_3ECCA70AF321_.wvu.FilterData" localSheetId="1" hidden="1">私立大!$A$9:$I$9</definedName>
    <definedName name="Z_481F549B_89A7_4EFD_A376_A7ADE895F943_.wvu.FilterData" localSheetId="0" hidden="1">国公立大!$A$9:$I$9</definedName>
    <definedName name="Z_481F549B_89A7_4EFD_A376_A7ADE895F943_.wvu.FilterData" localSheetId="1" hidden="1">私立大!$A$9:$I$9</definedName>
    <definedName name="Z_481F549B_89A7_4EFD_A376_A7ADE895F943_.wvu.PrintArea" localSheetId="0" hidden="1">国公立大!$A:$I</definedName>
    <definedName name="Z_481F549B_89A7_4EFD_A376_A7ADE895F943_.wvu.PrintArea" localSheetId="1" hidden="1">私立大!$A:$I</definedName>
    <definedName name="Z_481F549B_89A7_4EFD_A376_A7ADE895F943_.wvu.PrintTitles" localSheetId="0" hidden="1">国公立大!$9:$9</definedName>
    <definedName name="Z_481F549B_89A7_4EFD_A376_A7ADE895F943_.wvu.PrintTitles" localSheetId="1" hidden="1">私立大!$9:$9</definedName>
    <definedName name="Z_4F2BD9A2_7BB1_4799_9C83_73E50481EDB8_.wvu.Cols" localSheetId="0" hidden="1">国公立大!$C:$D,国公立大!#REF!</definedName>
    <definedName name="Z_4F2BD9A2_7BB1_4799_9C83_73E50481EDB8_.wvu.Cols" localSheetId="1" hidden="1">私立大!#REF!,私立大!#REF!,私立大!#REF!</definedName>
    <definedName name="Z_4F2BD9A2_7BB1_4799_9C83_73E50481EDB8_.wvu.FilterData" localSheetId="0" hidden="1">国公立大!$A$9:$I$9</definedName>
    <definedName name="Z_4F2BD9A2_7BB1_4799_9C83_73E50481EDB8_.wvu.FilterData" localSheetId="1" hidden="1">私立大!$A$9:$I$9</definedName>
    <definedName name="Z_4F2BD9A2_7BB1_4799_9C83_73E50481EDB8_.wvu.PrintArea" localSheetId="0" hidden="1">国公立大!$A:$I</definedName>
    <definedName name="Z_4F2BD9A2_7BB1_4799_9C83_73E50481EDB8_.wvu.PrintArea" localSheetId="1" hidden="1">私立大!$A:$I</definedName>
    <definedName name="Z_4F2BD9A2_7BB1_4799_9C83_73E50481EDB8_.wvu.PrintTitles" localSheetId="0" hidden="1">国公立大!$9:$9</definedName>
    <definedName name="Z_4F2BD9A2_7BB1_4799_9C83_73E50481EDB8_.wvu.PrintTitles" localSheetId="1" hidden="1">私立大!$9:$9</definedName>
    <definedName name="Z_5AFDBF73_712A_40D2_8B5A_B1B91E18207A_.wvu.FilterData" localSheetId="0" hidden="1">国公立大!$A$9:$I$9</definedName>
    <definedName name="Z_5D8FD102_995F_4665_B1FC_E73F99015B0D_.wvu.FilterData" localSheetId="0" hidden="1">国公立大!$A$9:$I$9</definedName>
    <definedName name="Z_60347655_BA17_4F7C_86DE_A5DB0398C593_.wvu.FilterData" localSheetId="0" hidden="1">国公立大!$A$9:$I$9</definedName>
    <definedName name="Z_62F80611_68BD_45E3_A177_7EC7631B7929_.wvu.FilterData" localSheetId="0" hidden="1">国公立大!$A$9:$I$9</definedName>
    <definedName name="Z_637F109A_E87B_4ADE_8D2C_9814926254CD_.wvu.FilterData" localSheetId="0" hidden="1">国公立大!$A$9:$I$9</definedName>
    <definedName name="Z_66E901F4_45DB_4353_A66E_A79C199B5EA3_.wvu.FilterData" localSheetId="0" hidden="1">国公立大!$A$9:$I$9</definedName>
    <definedName name="Z_66E901F4_45DB_4353_A66E_A79C199B5EA3_.wvu.FilterData" localSheetId="1" hidden="1">私立大!$A$9:$I$9</definedName>
    <definedName name="Z_66E901F4_45DB_4353_A66E_A79C199B5EA3_.wvu.PrintArea" localSheetId="0" hidden="1">国公立大!$A:$I</definedName>
    <definedName name="Z_66E901F4_45DB_4353_A66E_A79C199B5EA3_.wvu.PrintArea" localSheetId="1" hidden="1">私立大!$A:$I</definedName>
    <definedName name="Z_66E901F4_45DB_4353_A66E_A79C199B5EA3_.wvu.PrintTitles" localSheetId="0" hidden="1">国公立大!$9:$9</definedName>
    <definedName name="Z_66E901F4_45DB_4353_A66E_A79C199B5EA3_.wvu.PrintTitles" localSheetId="1" hidden="1">私立大!$1:$9</definedName>
    <definedName name="Z_67FE9F66_AF4E_45BF_9BC7_4A9C7DC2D6AA_.wvu.FilterData" localSheetId="1" hidden="1">私立大!$A$9:$I$9</definedName>
    <definedName name="Z_6E18844F_DBD2_453B_A6B1_A55838EB3737_.wvu.Cols" localSheetId="0" hidden="1">国公立大!$C:$D,国公立大!#REF!</definedName>
    <definedName name="Z_6E18844F_DBD2_453B_A6B1_A55838EB3737_.wvu.Cols" localSheetId="1" hidden="1">私立大!#REF!,私立大!#REF!,私立大!#REF!</definedName>
    <definedName name="Z_6E18844F_DBD2_453B_A6B1_A55838EB3737_.wvu.FilterData" localSheetId="0" hidden="1">国公立大!$A$9:$I$9</definedName>
    <definedName name="Z_6E18844F_DBD2_453B_A6B1_A55838EB3737_.wvu.FilterData" localSheetId="1" hidden="1">私立大!$A$9:$I$9</definedName>
    <definedName name="Z_6E18844F_DBD2_453B_A6B1_A55838EB3737_.wvu.PrintArea" localSheetId="0" hidden="1">国公立大!$A:$I</definedName>
    <definedName name="Z_6E18844F_DBD2_453B_A6B1_A55838EB3737_.wvu.PrintArea" localSheetId="1" hidden="1">私立大!$A:$I</definedName>
    <definedName name="Z_6E18844F_DBD2_453B_A6B1_A55838EB3737_.wvu.PrintTitles" localSheetId="0" hidden="1">国公立大!$9:$9</definedName>
    <definedName name="Z_6E18844F_DBD2_453B_A6B1_A55838EB3737_.wvu.PrintTitles" localSheetId="1" hidden="1">私立大!$9:$9</definedName>
    <definedName name="Z_6E803D66_FA74_4FCC_ACBB_96EF1E319B9B_.wvu.FilterData" localSheetId="0" hidden="1">国公立大!$A$9:$I$9</definedName>
    <definedName name="Z_70A8C77F_700D_4D8E_8AAE_788C35731A52_.wvu.Cols" localSheetId="1" hidden="1">私立大!#REF!</definedName>
    <definedName name="Z_70A8C77F_700D_4D8E_8AAE_788C35731A52_.wvu.FilterData" localSheetId="0" hidden="1">国公立大!$A$9:$I$9</definedName>
    <definedName name="Z_70A8C77F_700D_4D8E_8AAE_788C35731A52_.wvu.FilterData" localSheetId="1" hidden="1">私立大!$A$9:$I$9</definedName>
    <definedName name="Z_70A8C77F_700D_4D8E_8AAE_788C35731A52_.wvu.PrintArea" localSheetId="1" hidden="1">私立大!$A:$I</definedName>
    <definedName name="Z_70A8C77F_700D_4D8E_8AAE_788C35731A52_.wvu.PrintTitles" localSheetId="1" hidden="1">私立大!$9:$9</definedName>
    <definedName name="Z_77CFF470_2848_47B8_B5A2_A7CC0AD05D67_.wvu.FilterData" localSheetId="0" hidden="1">国公立大!$A$9:$I$9</definedName>
    <definedName name="Z_7A48C328_5603_4E24_9734_31BC6AE1D925_.wvu.FilterData" localSheetId="1" hidden="1">私立大!$A$9:$I$9</definedName>
    <definedName name="Z_7E1D032B_11D0_41F1_94C8_C90031BFA486_.wvu.FilterData" localSheetId="1" hidden="1">私立大!$A$9:$I$9</definedName>
    <definedName name="Z_7E433E27_2567_4555_A0A9_1B4AFE70A280_.wvu.FilterData" localSheetId="0" hidden="1">国公立大!$A$9:$I$9</definedName>
    <definedName name="Z_8329D1B2_CA54_4C96_98B6_B11857E06457_.wvu.FilterData" localSheetId="0" hidden="1">国公立大!$A$9:$I$9</definedName>
    <definedName name="Z_849701CB_E501_48BC_BB59_7D3B9C26AB65_.wvu.FilterData" localSheetId="0" hidden="1">国公立大!$A$9:$I$9</definedName>
    <definedName name="Z_849701CB_E501_48BC_BB59_7D3B9C26AB65_.wvu.FilterData" localSheetId="1" hidden="1">私立大!$A$9:$I$9</definedName>
    <definedName name="Z_85EB676B_A9F6_421F_8771_229635C4830B_.wvu.FilterData" localSheetId="0" hidden="1">国公立大!$A$9:$I$9</definedName>
    <definedName name="Z_85EB676B_A9F6_421F_8771_229635C4830B_.wvu.FilterData" localSheetId="1" hidden="1">私立大!$A$9:$I$9</definedName>
    <definedName name="Z_85EB676B_A9F6_421F_8771_229635C4830B_.wvu.PrintArea" localSheetId="1" hidden="1">私立大!$A$1:$I$9</definedName>
    <definedName name="Z_86FFCE2C_EFAF_4B0B_B1A5_EB1267FE48DB_.wvu.FilterData" localSheetId="0" hidden="1">国公立大!$A$9:$I$9</definedName>
    <definedName name="Z_8A494857_236D_4CCE_9C95_E9BBF9DC780B_.wvu.FilterData" localSheetId="0" hidden="1">国公立大!$A$9:$I$9</definedName>
    <definedName name="Z_8BEFDD43_75F9_427E_ADD4_BEFFE3DA89AF_.wvu.FilterData" localSheetId="0" hidden="1">国公立大!$A$9:$I$9</definedName>
    <definedName name="Z_8BEFDD43_75F9_427E_ADD4_BEFFE3DA89AF_.wvu.FilterData" localSheetId="1" hidden="1">私立大!$A$9:$I$9</definedName>
    <definedName name="Z_8BEFDD43_75F9_427E_ADD4_BEFFE3DA89AF_.wvu.PrintArea" localSheetId="0" hidden="1">国公立大!$A:$I</definedName>
    <definedName name="Z_8BEFDD43_75F9_427E_ADD4_BEFFE3DA89AF_.wvu.PrintArea" localSheetId="1" hidden="1">私立大!$A:$I</definedName>
    <definedName name="Z_8BEFDD43_75F9_427E_ADD4_BEFFE3DA89AF_.wvu.PrintTitles" localSheetId="0" hidden="1">国公立大!$9:$9</definedName>
    <definedName name="Z_8BEFDD43_75F9_427E_ADD4_BEFFE3DA89AF_.wvu.PrintTitles" localSheetId="1" hidden="1">私立大!$1:$9</definedName>
    <definedName name="Z_8CDD580F_D665_4815_A1D7_570515BD5F37_.wvu.FilterData" localSheetId="0" hidden="1">国公立大!$A$9:$I$9</definedName>
    <definedName name="Z_8D623A44_18F5_4699_A738_CC79AAA1445E_.wvu.FilterData" localSheetId="0" hidden="1">国公立大!$A$9:$I$9</definedName>
    <definedName name="Z_926F3C21_9B9E_4774_A86D_00A0032AC95A_.wvu.FilterData" localSheetId="0" hidden="1">国公立大!$A$9:$I$9</definedName>
    <definedName name="Z_97820852_EFB0_4C71_ACB4_90A92997DE4E_.wvu.Cols" localSheetId="0" hidden="1">国公立大!$C:$D,国公立大!#REF!</definedName>
    <definedName name="Z_97820852_EFB0_4C71_ACB4_90A92997DE4E_.wvu.Cols" localSheetId="1" hidden="1">私立大!#REF!,私立大!#REF!,私立大!#REF!</definedName>
    <definedName name="Z_97820852_EFB0_4C71_ACB4_90A92997DE4E_.wvu.FilterData" localSheetId="0" hidden="1">国公立大!$A$9:$I$9</definedName>
    <definedName name="Z_97820852_EFB0_4C71_ACB4_90A92997DE4E_.wvu.FilterData" localSheetId="1" hidden="1">私立大!$A$9:$I$9</definedName>
    <definedName name="Z_97820852_EFB0_4C71_ACB4_90A92997DE4E_.wvu.PrintArea" localSheetId="0" hidden="1">国公立大!$A:$I</definedName>
    <definedName name="Z_97820852_EFB0_4C71_ACB4_90A92997DE4E_.wvu.PrintArea" localSheetId="1" hidden="1">私立大!$A:$I</definedName>
    <definedName name="Z_97820852_EFB0_4C71_ACB4_90A92997DE4E_.wvu.PrintTitles" localSheetId="0" hidden="1">国公立大!$9:$9</definedName>
    <definedName name="Z_97820852_EFB0_4C71_ACB4_90A92997DE4E_.wvu.PrintTitles" localSheetId="1" hidden="1">私立大!$9:$9</definedName>
    <definedName name="Z_97B70A24_88D2_4663_B9FA_DA17E168CA10_.wvu.FilterData" localSheetId="0" hidden="1">国公立大!$A$9:$I$9</definedName>
    <definedName name="Z_984AEA05_1108_431D_BA19_5C0CF269B46C_.wvu.FilterData" localSheetId="0" hidden="1">国公立大!$A$9:$I$9</definedName>
    <definedName name="Z_984AEA05_1108_431D_BA19_5C0CF269B46C_.wvu.FilterData" localSheetId="1" hidden="1">私立大!$A$9:$I$9</definedName>
    <definedName name="Z_98A1BABF_E66F_4930_9846_E74EDFA81E02_.wvu.FilterData" localSheetId="1" hidden="1">私立大!$A$9:$I$9</definedName>
    <definedName name="Z_9A421312_E78D_43C3_8144_0B8BF29986B9_.wvu.FilterData" localSheetId="0" hidden="1">国公立大!$A$9:$I$9</definedName>
    <definedName name="Z_9A7CAF85_ADC0_46EA_98F0_F7C49F0274F0_.wvu.FilterData" localSheetId="0" hidden="1">国公立大!$A$9:$I$9</definedName>
    <definedName name="Z_9AD479D0_74F1_4430_85C7_131E1C6EE7EE_.wvu.FilterData" localSheetId="0" hidden="1">国公立大!$A$9:$I$9</definedName>
    <definedName name="Z_9AD479D0_74F1_4430_85C7_131E1C6EE7EE_.wvu.FilterData" localSheetId="1" hidden="1">私立大!$A$9:$I$9</definedName>
    <definedName name="Z_9AD479D0_74F1_4430_85C7_131E1C6EE7EE_.wvu.PrintArea" localSheetId="1" hidden="1">私立大!$A$1:$I$9</definedName>
    <definedName name="Z_9AD479D0_74F1_4430_85C7_131E1C6EE7EE_.wvu.PrintTitles" localSheetId="1" hidden="1">私立大!$9:$9</definedName>
    <definedName name="Z_9B02F4BD_9098_4A51_8907_8A1B959EC025_.wvu.Cols" localSheetId="1" hidden="1">私立大!#REF!,私立大!#REF!</definedName>
    <definedName name="Z_9B02F4BD_9098_4A51_8907_8A1B959EC025_.wvu.FilterData" localSheetId="0" hidden="1">国公立大!$A$9:$I$9</definedName>
    <definedName name="Z_9B02F4BD_9098_4A51_8907_8A1B959EC025_.wvu.FilterData" localSheetId="1" hidden="1">私立大!$A$9:$I$9</definedName>
    <definedName name="Z_9B02F4BD_9098_4A51_8907_8A1B959EC025_.wvu.PrintArea" localSheetId="1" hidden="1">私立大!$A$1:$I$9</definedName>
    <definedName name="Z_9B02F4BD_9098_4A51_8907_8A1B959EC025_.wvu.PrintTitles" localSheetId="1" hidden="1">私立大!$9:$9</definedName>
    <definedName name="Z_9EC93D77_804C_47E6_8F4B_1C881BB5447B_.wvu.FilterData" localSheetId="1" hidden="1">私立大!$A$9:$I$9</definedName>
    <definedName name="Z_A1BE5014_DC38_4509_99C4_CEBCEBB9C0B6_.wvu.FilterData" localSheetId="0" hidden="1">国公立大!$A$9:$I$9</definedName>
    <definedName name="Z_A1BE5014_DC38_4509_99C4_CEBCEBB9C0B6_.wvu.FilterData" localSheetId="1" hidden="1">私立大!$A$9:$I$9</definedName>
    <definedName name="Z_A2A11747_A7D3_40EA_9D1A_1ABEF782F5E3_.wvu.FilterData" localSheetId="0" hidden="1">国公立大!$A$9:$I$9</definedName>
    <definedName name="Z_A2A11747_A7D3_40EA_9D1A_1ABEF782F5E3_.wvu.FilterData" localSheetId="1" hidden="1">私立大!$A$9:$I$9</definedName>
    <definedName name="Z_A2A11747_A7D3_40EA_9D1A_1ABEF782F5E3_.wvu.PrintArea" localSheetId="1" hidden="1">私立大!$A$1:$I$9</definedName>
    <definedName name="Z_A2A11747_A7D3_40EA_9D1A_1ABEF782F5E3_.wvu.PrintTitles" localSheetId="1" hidden="1">私立大!$1:$9</definedName>
    <definedName name="Z_A3BE9AA0_1A64_4872_8409_66688D2AB5DF_.wvu.FilterData" localSheetId="0" hidden="1">国公立大!$A$9:$I$9</definedName>
    <definedName name="Z_AB6224D7_6E69_4FA5_AD1A_CB3E38D587E0_.wvu.Cols" localSheetId="0" hidden="1">国公立大!$C:$D,国公立大!#REF!</definedName>
    <definedName name="Z_AB6224D7_6E69_4FA5_AD1A_CB3E38D587E0_.wvu.Cols" localSheetId="1" hidden="1">私立大!#REF!,私立大!#REF!,私立大!#REF!</definedName>
    <definedName name="Z_AB6224D7_6E69_4FA5_AD1A_CB3E38D587E0_.wvu.FilterData" localSheetId="0" hidden="1">国公立大!$A$9:$I$9</definedName>
    <definedName name="Z_AB6224D7_6E69_4FA5_AD1A_CB3E38D587E0_.wvu.FilterData" localSheetId="1" hidden="1">私立大!$A$9:$I$9</definedName>
    <definedName name="Z_AB6224D7_6E69_4FA5_AD1A_CB3E38D587E0_.wvu.PrintArea" localSheetId="0" hidden="1">国公立大!$A:$I</definedName>
    <definedName name="Z_AB6224D7_6E69_4FA5_AD1A_CB3E38D587E0_.wvu.PrintArea" localSheetId="1" hidden="1">私立大!$A:$I</definedName>
    <definedName name="Z_AB6224D7_6E69_4FA5_AD1A_CB3E38D587E0_.wvu.PrintTitles" localSheetId="0" hidden="1">国公立大!$9:$9</definedName>
    <definedName name="Z_AB6224D7_6E69_4FA5_AD1A_CB3E38D587E0_.wvu.PrintTitles" localSheetId="1" hidden="1">私立大!$9:$9</definedName>
    <definedName name="Z_AF5EA8C4_4023_41C4_A827_DE9A702B8092_.wvu.FilterData" localSheetId="0" hidden="1">国公立大!$A$9:$I$9</definedName>
    <definedName name="Z_B1FC21C1_FFD5_4C79_9904_E5A30372C491_.wvu.FilterData" localSheetId="1" hidden="1">私立大!$A$9:$I$9</definedName>
    <definedName name="Z_B3F0B8D2_6CD8_4669_8EA9_83C84F08CA6F_.wvu.FilterData" localSheetId="1" hidden="1">私立大!$A$9:$I$9</definedName>
    <definedName name="Z_B44402DE_322B_4A79_BD2A_572CF2ABF47C_.wvu.FilterData" localSheetId="0" hidden="1">国公立大!$A$9:$I$9</definedName>
    <definedName name="Z_B44402DE_322B_4A79_BD2A_572CF2ABF47C_.wvu.FilterData" localSheetId="1" hidden="1">私立大!$A$9:$I$9</definedName>
    <definedName name="Z_B44402DE_322B_4A79_BD2A_572CF2ABF47C_.wvu.PrintArea" localSheetId="0" hidden="1">国公立大!$A:$I</definedName>
    <definedName name="Z_B44402DE_322B_4A79_BD2A_572CF2ABF47C_.wvu.PrintArea" localSheetId="1" hidden="1">私立大!$A:$I</definedName>
    <definedName name="Z_B44402DE_322B_4A79_BD2A_572CF2ABF47C_.wvu.PrintTitles" localSheetId="0" hidden="1">国公立大!$9:$9</definedName>
    <definedName name="Z_B44402DE_322B_4A79_BD2A_572CF2ABF47C_.wvu.PrintTitles" localSheetId="1" hidden="1">私立大!$9:$9</definedName>
    <definedName name="Z_B64E1F47_41E6_4925_9DB9_CAA1DB656636_.wvu.Cols" localSheetId="1" hidden="1">私立大!#REF!,私立大!#REF!</definedName>
    <definedName name="Z_B64E1F47_41E6_4925_9DB9_CAA1DB656636_.wvu.FilterData" localSheetId="0" hidden="1">国公立大!$A$9:$I$9</definedName>
    <definedName name="Z_B64E1F47_41E6_4925_9DB9_CAA1DB656636_.wvu.FilterData" localSheetId="1" hidden="1">私立大!$A$9:$I$9</definedName>
    <definedName name="Z_B64E1F47_41E6_4925_9DB9_CAA1DB656636_.wvu.PrintArea" localSheetId="1" hidden="1">私立大!$A$1:$I$9</definedName>
    <definedName name="Z_B64E1F47_41E6_4925_9DB9_CAA1DB656636_.wvu.PrintTitles" localSheetId="1" hidden="1">私立大!$9:$9</definedName>
    <definedName name="Z_B7CD6761_3984_43D7_BA31_DFED9B109638_.wvu.Cols" localSheetId="0" hidden="1">国公立大!$C:$D,国公立大!#REF!</definedName>
    <definedName name="Z_B7CD6761_3984_43D7_BA31_DFED9B109638_.wvu.Cols" localSheetId="1" hidden="1">私立大!#REF!,私立大!#REF!,私立大!#REF!</definedName>
    <definedName name="Z_B7CD6761_3984_43D7_BA31_DFED9B109638_.wvu.FilterData" localSheetId="0" hidden="1">国公立大!$A$9:$I$9</definedName>
    <definedName name="Z_B7CD6761_3984_43D7_BA31_DFED9B109638_.wvu.FilterData" localSheetId="1" hidden="1">私立大!$A$9:$I$9</definedName>
    <definedName name="Z_B7CD6761_3984_43D7_BA31_DFED9B109638_.wvu.PrintArea" localSheetId="0" hidden="1">国公立大!$A:$I</definedName>
    <definedName name="Z_B7CD6761_3984_43D7_BA31_DFED9B109638_.wvu.PrintArea" localSheetId="1" hidden="1">私立大!$A:$I</definedName>
    <definedName name="Z_B7CD6761_3984_43D7_BA31_DFED9B109638_.wvu.PrintTitles" localSheetId="0" hidden="1">国公立大!$9:$9</definedName>
    <definedName name="Z_B7CD6761_3984_43D7_BA31_DFED9B109638_.wvu.PrintTitles" localSheetId="1" hidden="1">私立大!$9:$9</definedName>
    <definedName name="Z_B88D6396_BF19_4A94_9D34_8FA9F6F34595_.wvu.FilterData" localSheetId="1" hidden="1">私立大!$A$9:$I$9</definedName>
    <definedName name="Z_B9495CC2_68E7_4967_B1C7_52017B59FD69_.wvu.FilterData" localSheetId="0" hidden="1">国公立大!$A$9:$I$9</definedName>
    <definedName name="Z_BB37306E_EC91_46D4_933C_1D3D5644414B_.wvu.Cols" localSheetId="0" hidden="1">国公立大!$C:$D</definedName>
    <definedName name="Z_BB37306E_EC91_46D4_933C_1D3D5644414B_.wvu.Cols" localSheetId="1" hidden="1">私立大!#REF!</definedName>
    <definedName name="Z_BB37306E_EC91_46D4_933C_1D3D5644414B_.wvu.FilterData" localSheetId="0" hidden="1">国公立大!$A$9:$I$9</definedName>
    <definedName name="Z_BB37306E_EC91_46D4_933C_1D3D5644414B_.wvu.FilterData" localSheetId="1" hidden="1">私立大!$A$9:$I$9</definedName>
    <definedName name="Z_BB37306E_EC91_46D4_933C_1D3D5644414B_.wvu.PrintArea" localSheetId="0" hidden="1">国公立大!$A$1:$I$9</definedName>
    <definedName name="Z_BB37306E_EC91_46D4_933C_1D3D5644414B_.wvu.PrintArea" localSheetId="1" hidden="1">私立大!$A:$I</definedName>
    <definedName name="Z_BB37306E_EC91_46D4_933C_1D3D5644414B_.wvu.PrintTitles" localSheetId="1" hidden="1">私立大!$9:$9</definedName>
    <definedName name="Z_BFBAEF04_E5E2_44C4_A0FC_EA78D8D53E6F_.wvu.FilterData" localSheetId="0" hidden="1">国公立大!$A$9:$I$9</definedName>
    <definedName name="Z_CA01B4B0_5460_4292_9692_92C5EB2501D1_.wvu.FilterData" localSheetId="0" hidden="1">国公立大!$A$9:$I$9</definedName>
    <definedName name="Z_CA01B4B0_5460_4292_9692_92C5EB2501D1_.wvu.FilterData" localSheetId="1" hidden="1">私立大!$A$9:$I$9</definedName>
    <definedName name="Z_CB446369_F8B0_4B43_AF55_32150265DFFA_.wvu.FilterData" localSheetId="0" hidden="1">国公立大!$A$9:$I$9</definedName>
    <definedName name="Z_CE38D789_358C_407A_9E8F_8E9CE064C9D7_.wvu.FilterData" localSheetId="0" hidden="1">国公立大!$A$9:$I$9</definedName>
    <definedName name="Z_D119ED0B_0F14_4281_A720_EA214F780933_.wvu.FilterData" localSheetId="1" hidden="1">私立大!$A$9:$I$9</definedName>
    <definedName name="Z_D262C9C4_9059_4ED9_B68C_C7BF0D5DCA04_.wvu.Cols" localSheetId="1" hidden="1">私立大!#REF!,私立大!#REF!</definedName>
    <definedName name="Z_D262C9C4_9059_4ED9_B68C_C7BF0D5DCA04_.wvu.FilterData" localSheetId="0" hidden="1">国公立大!$A$9:$I$9</definedName>
    <definedName name="Z_D262C9C4_9059_4ED9_B68C_C7BF0D5DCA04_.wvu.FilterData" localSheetId="1" hidden="1">私立大!$A$9:$I$9</definedName>
    <definedName name="Z_D262C9C4_9059_4ED9_B68C_C7BF0D5DCA04_.wvu.PrintArea" localSheetId="1" hidden="1">私立大!$A$1:$I$9</definedName>
    <definedName name="Z_D262C9C4_9059_4ED9_B68C_C7BF0D5DCA04_.wvu.PrintTitles" localSheetId="1" hidden="1">私立大!$9:$9</definedName>
    <definedName name="Z_D3FA31A4_ABA7_4672_9893_C948FC67E076_.wvu.FilterData" localSheetId="0" hidden="1">国公立大!$A$9:$I$9</definedName>
    <definedName name="Z_D3FA31A4_ABA7_4672_9893_C948FC67E076_.wvu.FilterData" localSheetId="1" hidden="1">私立大!$A$9:$I$9</definedName>
    <definedName name="Z_D3FA31A4_ABA7_4672_9893_C948FC67E076_.wvu.PrintArea" localSheetId="0" hidden="1">国公立大!$A:$I</definedName>
    <definedName name="Z_D3FA31A4_ABA7_4672_9893_C948FC67E076_.wvu.PrintArea" localSheetId="1" hidden="1">私立大!$A:$I</definedName>
    <definedName name="Z_D3FA31A4_ABA7_4672_9893_C948FC67E076_.wvu.PrintTitles" localSheetId="0" hidden="1">国公立大!$9:$9</definedName>
    <definedName name="Z_D3FA31A4_ABA7_4672_9893_C948FC67E076_.wvu.PrintTitles" localSheetId="1" hidden="1">私立大!$1:$9</definedName>
    <definedName name="Z_D5FD0F0D_5A8D_4120_85CB_1D4A21B65636_.wvu.Cols" localSheetId="0" hidden="1">国公立大!$C:$D,国公立大!#REF!,国公立大!#REF!</definedName>
    <definedName name="Z_D5FD0F0D_5A8D_4120_85CB_1D4A21B65636_.wvu.Cols" localSheetId="1" hidden="1">私立大!#REF!,私立大!#REF!</definedName>
    <definedName name="Z_D5FD0F0D_5A8D_4120_85CB_1D4A21B65636_.wvu.FilterData" localSheetId="0" hidden="1">国公立大!$A$9:$I$9</definedName>
    <definedName name="Z_D5FD0F0D_5A8D_4120_85CB_1D4A21B65636_.wvu.FilterData" localSheetId="1" hidden="1">私立大!$A$9:$I$9</definedName>
    <definedName name="Z_D5FD0F0D_5A8D_4120_85CB_1D4A21B65636_.wvu.PrintArea" localSheetId="0" hidden="1">国公立大!$A$1:$I$9</definedName>
    <definedName name="Z_D5FD0F0D_5A8D_4120_85CB_1D4A21B65636_.wvu.PrintArea" localSheetId="1" hidden="1">私立大!$A$1:$I$9</definedName>
    <definedName name="Z_D5FD0F0D_5A8D_4120_85CB_1D4A21B65636_.wvu.PrintTitles" localSheetId="0" hidden="1">国公立大!$9:$9</definedName>
    <definedName name="Z_D5FD0F0D_5A8D_4120_85CB_1D4A21B65636_.wvu.PrintTitles" localSheetId="1" hidden="1">私立大!$9:$9</definedName>
    <definedName name="Z_D64DD8A3_3EFF_4114_A5C7_FF83C0AA7467_.wvu.FilterData" localSheetId="1" hidden="1">私立大!$A$9:$I$9</definedName>
    <definedName name="Z_D7531C58_150B_45FA_858E_9B4B25BF2DAA_.wvu.FilterData" localSheetId="0" hidden="1">国公立大!$A$9:$I$9</definedName>
    <definedName name="Z_D9293452_2F7C_45A4_BF3F_2EA0A39C314B_.wvu.FilterData" localSheetId="0" hidden="1">国公立大!$A$9:$I$9</definedName>
    <definedName name="Z_DA7580D2_8603_4443_8580_845B954D3D73_.wvu.FilterData" localSheetId="0" hidden="1">国公立大!$A$9:$I$9</definedName>
    <definedName name="Z_DAC5BC73_68A6_48BF_9CEA_7CF10CDF6C96_.wvu.FilterData" localSheetId="0" hidden="1">国公立大!$A$9:$I$9</definedName>
    <definedName name="Z_DC9830E4_0B4B_41A1_8EA9_2D1AE24F88BD_.wvu.FilterData" localSheetId="1" hidden="1">私立大!$A$9:$I$9</definedName>
    <definedName name="Z_E14DA124_2E5E_4C2D_912C_7165D5756AAC_.wvu.FilterData" localSheetId="0" hidden="1">国公立大!$A$9:$I$9</definedName>
    <definedName name="Z_E24941AB_C754_47BD_80B5_8B13B08E7FC9_.wvu.FilterData" localSheetId="0" hidden="1">国公立大!$A$9:$I$9</definedName>
    <definedName name="Z_E24941AB_C754_47BD_80B5_8B13B08E7FC9_.wvu.FilterData" localSheetId="1" hidden="1">私立大!$A$9:$I$9</definedName>
    <definedName name="Z_E24941AB_C754_47BD_80B5_8B13B08E7FC9_.wvu.PrintArea" localSheetId="1" hidden="1">私立大!$A$1:$I$9</definedName>
    <definedName name="Z_E24941AB_C754_47BD_80B5_8B13B08E7FC9_.wvu.PrintTitles" localSheetId="1" hidden="1">私立大!$9:$9</definedName>
    <definedName name="Z_E6BD01FB_7F91_4E35_A8B5_EBCBF42FD773_.wvu.Cols" localSheetId="1" hidden="1">私立大!#REF!,私立大!#REF!</definedName>
    <definedName name="Z_E6BD01FB_7F91_4E35_A8B5_EBCBF42FD773_.wvu.FilterData" localSheetId="0" hidden="1">国公立大!$A$9:$I$9</definedName>
    <definedName name="Z_E6BD01FB_7F91_4E35_A8B5_EBCBF42FD773_.wvu.FilterData" localSheetId="1" hidden="1">私立大!$A$9:$I$9</definedName>
    <definedName name="Z_E6BD01FB_7F91_4E35_A8B5_EBCBF42FD773_.wvu.PrintArea" localSheetId="1" hidden="1">私立大!$A$1:$I$9</definedName>
    <definedName name="Z_E6BD01FB_7F91_4E35_A8B5_EBCBF42FD773_.wvu.PrintTitles" localSheetId="1" hidden="1">私立大!$9:$9</definedName>
    <definedName name="Z_E7EF7F6B_F912_4797_8B06_2A08A8A108E9_.wvu.FilterData" localSheetId="1" hidden="1">私立大!$A$9:$I$9</definedName>
    <definedName name="Z_EADD5495_D672_4A24_B67F_EEB8DEBC3D36_.wvu.Cols" localSheetId="1" hidden="1">私立大!#REF!</definedName>
    <definedName name="Z_EADD5495_D672_4A24_B67F_EEB8DEBC3D36_.wvu.FilterData" localSheetId="0" hidden="1">国公立大!$A$9:$I$9</definedName>
    <definedName name="Z_EADD5495_D672_4A24_B67F_EEB8DEBC3D36_.wvu.FilterData" localSheetId="1" hidden="1">私立大!$A$9:$I$9</definedName>
    <definedName name="Z_EADD5495_D672_4A24_B67F_EEB8DEBC3D36_.wvu.PrintArea" localSheetId="1" hidden="1">私立大!$A:$I</definedName>
    <definedName name="Z_EADD5495_D672_4A24_B67F_EEB8DEBC3D36_.wvu.PrintTitles" localSheetId="1" hidden="1">私立大!$9:$9</definedName>
    <definedName name="Z_EC089158_BEBF_4127_9344_A9616EB6C201_.wvu.FilterData" localSheetId="0" hidden="1">国公立大!$A$9:$I$9</definedName>
    <definedName name="Z_EC46F86F_F940_4E66_A8BB_E3467A7DB443_.wvu.FilterData" localSheetId="0" hidden="1">国公立大!$A$9:$I$9</definedName>
    <definedName name="Z_EC46F86F_F940_4E66_A8BB_E3467A7DB443_.wvu.FilterData" localSheetId="1" hidden="1">私立大!$A$9:$I$9</definedName>
    <definedName name="Z_EC9ADDE3_CFE8_41EC_8133_26D9EC950089_.wvu.FilterData" localSheetId="1" hidden="1">私立大!$A$9:$I$9</definedName>
    <definedName name="Z_FCB989AD_B5B4_4234_8B6F_64B1B448D49D_.wvu.FilterData" localSheetId="0" hidden="1">国公立大!$A$9:$I$9</definedName>
    <definedName name="Z_FD604869_287D_41DC_B884_ECD6F1A217F4_.wvu.FilterData" localSheetId="0" hidden="1">国公立大!$A$9:$I$9</definedName>
    <definedName name="クエリー1">#REF!</definedName>
    <definedName name="クエリー10">#REF!</definedName>
    <definedName name="クエリー7">#REF!</definedName>
    <definedName name="クエリー富沢のクロス集計">#REF!</definedName>
    <definedName name="代表分野">#REF!</definedName>
    <definedName name="履歴付き００区分大学コード">#REF!</definedName>
  </definedNames>
  <calcPr calcId="191028"/>
  <customWorkbookViews>
    <customWorkbookView name="学校法人　河合塾 - 個人用ビュー" guid="{4F2BD9A2-7BB1-4799-9C83-73E50481EDB8}" mergeInterval="0" personalView="1" maximized="1" xWindow="-8" yWindow="-8" windowWidth="1382" windowHeight="784" tabRatio="591" activeSheetId="1"/>
    <customWorkbookView name="川本 - 個人用ビュー" guid="{6E18844F-DBD2-453B-A6B1-A55838EB3737}" mergeInterval="0" personalView="1" maximized="1" xWindow="-8" yWindow="-8" windowWidth="1382" windowHeight="784" tabRatio="591" activeSheetId="1"/>
    <customWorkbookView name="安藤彰記 - 個人用ビュー" guid="{230DB1A8-8555-4DB2-9ABA-765937791049}" mergeInterval="0" personalView="1" maximized="1" xWindow="-8" yWindow="-8" windowWidth="1382" windowHeight="784" tabRatio="591" activeSheetId="1" showComments="commIndAndComment"/>
    <customWorkbookView name="藤木 弘人 - 個人用ビュー" guid="{D262C9C4-9059-4ED9-B68C-C7BF0D5DCA04}" mergeInterval="0" personalView="1" maximized="1" windowWidth="1264" windowHeight="521" tabRatio="591" activeSheetId="2"/>
    <customWorkbookView name="前田綾乃 - 個人用ビュー" guid="{E6BD01FB-7F91-4E35-A8B5-EBCBF42FD773}" mergeInterval="0" personalView="1" maximized="1" windowWidth="1298" windowHeight="570" tabRatio="591" activeSheetId="1"/>
    <customWorkbookView name="yumiko nakajima - 個人用ビュー" guid="{EADD5495-D672-4A24-B67F-EEB8DEBC3D36}" mergeInterval="0" personalView="1" maximized="1" windowWidth="1362" windowHeight="577" tabRatio="591" activeSheetId="1"/>
    <customWorkbookView name="吉見　陽子           - 個人用ビュー" guid="{BB37306E-EC91-46D4-933C-1D3D5644414B}" mergeInterval="0" personalView="1" maximized="1" windowWidth="1042" windowHeight="440" tabRatio="591" activeSheetId="2"/>
    <customWorkbookView name="田代　成美 - 個人用ビュー" guid="{BF7EA2EF-BFAC-4B99-9621-821500446084}" mergeInterval="0" personalView="1" maximized="1" windowWidth="1362" windowHeight="538" tabRatio="591" activeSheetId="1"/>
    <customWorkbookView name="住安　真林 - 個人用ビュー" guid="{3547F478-967A-4309-9B43-AB2A68804AF7}" mergeInterval="0" personalView="1" maximized="1" windowWidth="1362" windowHeight="520" tabRatio="591" activeSheetId="1"/>
    <customWorkbookView name="古川　唯 - 個人用ビュー" guid="{B44402DE-322B-4A79-BD2A-572CF2ABF47C}" mergeInterval="0" personalView="1" maximized="1" windowWidth="1362" windowHeight="538" tabRatio="591" activeSheetId="2"/>
    <customWorkbookView name="test - 個人用ビュー" guid="{9EC93D77-804C-47E6-8F4B-1C881BB5447B}" mergeInterval="0" personalView="1" maximized="1" windowWidth="1336" windowHeight="605" tabRatio="591" activeSheetId="1"/>
    <customWorkbookView name="S100513 - 個人用ビュー" guid="{85EB676B-A9F6-421F-8771-229635C4830B}" mergeInterval="0" personalView="1" maximized="1" windowWidth="1362" windowHeight="570" tabRatio="591" activeSheetId="1"/>
    <customWorkbookView name="S112360 - 個人用ビュー" guid="{3C68FA2A-2D6E-4A30-9446-DB66DDE23646}" mergeInterval="0" personalView="1" maximized="1" windowWidth="1020" windowHeight="577" tabRatio="591" activeSheetId="1"/>
    <customWorkbookView name="S940638 - 個人用ビュー" guid="{8BEFDD43-75F9-427E-ADD4-BEFFE3DA89AF}" mergeInterval="0" personalView="1" maximized="1" windowWidth="1020" windowHeight="577" tabRatio="591" activeSheetId="2"/>
    <customWorkbookView name="S103848 - 個人用ビュー" guid="{D3FA31A4-ABA7-4672-9893-C948FC67E076}" mergeInterval="0" personalView="1" maximized="1" windowWidth="1020" windowHeight="603" tabRatio="591" activeSheetId="1"/>
    <customWorkbookView name="学校法人 - 個人用ビュー" guid="{66E901F4-45DB-4353-A66E-A79C199B5EA3}" mergeInterval="0" personalView="1" maximized="1" windowWidth="1276" windowHeight="635" tabRatio="591" activeSheetId="1"/>
    <customWorkbookView name="学校法人河合塾 - 個人用ビュー" guid="{A2A11747-A7D3-40EA-9D1A-1ABEF782F5E3}" mergeInterval="0" personalView="1" maximized="1" windowWidth="1362" windowHeight="579" tabRatio="591" activeSheetId="2"/>
    <customWorkbookView name="kawamoto - 個人用ビュー" guid="{3DDFD7E3-3BC4-49EB-8270-710650CFBB51}" mergeInterval="0" personalView="1" maximized="1" windowWidth="1362" windowHeight="520" tabRatio="591" activeSheetId="2"/>
    <customWorkbookView name="酒井　禎 - 個人用ビュー" guid="{481F549B-89A7-4EFD-A376-A7ADE895F943}" mergeInterval="0" personalView="1" maximized="1" windowWidth="1362" windowHeight="616" tabRatio="591" activeSheetId="1"/>
    <customWorkbookView name="岩瀬　香織 - 個人用ビュー" guid="{175DAF00-FEAC-4E49-8CE7-F4839D464184}" mergeInterval="0" personalView="1" maximized="1" windowWidth="1362" windowHeight="541" tabRatio="591" activeSheetId="1"/>
    <customWorkbookView name="東谷笑香 - 個人用ビュー" guid="{70A8C77F-700D-4D8E-8AAE-788C35731A52}" mergeInterval="0" personalView="1" maximized="1" windowWidth="1362" windowHeight="484" tabRatio="591" activeSheetId="1"/>
    <customWorkbookView name="小池　桃子           - 個人用ビュー" guid="{D5FD0F0D-5A8D-4120-85CB-1D4A21B65636}" mergeInterval="0" personalView="1" maximized="1" windowWidth="1362" windowHeight="536" tabRatio="591" activeSheetId="1" showFormulaBar="0"/>
    <customWorkbookView name="大谷紗代 - 個人用ビュー" guid="{06D68F0A-5D12-4FFC-8827-778E76CA6D8C}" mergeInterval="0" personalView="1" maximized="1" windowWidth="1362" windowHeight="538" tabRatio="591" activeSheetId="1"/>
    <customWorkbookView name="owner - 個人用ビュー" guid="{B64E1F47-41E6-4925-9DB9-CAA1DB656636}" mergeInterval="0" personalView="1" maximized="1" windowWidth="1362" windowHeight="577" tabRatio="591" activeSheetId="2" showComments="commIndAndComment"/>
    <customWorkbookView name="NIKIが開いています。お急ぎならばお声を・・・。 - 個人用ビュー" guid="{9B02F4BD-9098-4A51-8907-8A1B959EC025}" mergeInterval="0" personalView="1" maximized="1" windowWidth="1362" windowHeight="577" tabRatio="591" activeSheetId="1"/>
    <customWorkbookView name="伊藤 - 個人用ビュー" guid="{B7CD6761-3984-43D7-BA31-DFED9B109638}" mergeInterval="0" personalView="1" xWindow="70" windowWidth="1296" windowHeight="768" tabRatio="591" activeSheetId="1"/>
    <customWorkbookView name="亀井 - 個人用ビュー" guid="{3FB3DBB8-AF7D-414C-A066-A498AFFA70EF}" mergeInterval="0" personalView="1" maximized="1" xWindow="-8" yWindow="-8" windowWidth="1382" windowHeight="784" tabRatio="591" activeSheetId="1"/>
    <customWorkbookView name="藤村 - 個人用ビュー" guid="{AB6224D7-6E69-4FA5-AD1A-CB3E38D587E0}" mergeInterval="0" personalView="1" maximized="1" xWindow="-8" yWindow="-8" windowWidth="1382" windowHeight="784" tabRatio="591" activeSheetId="1"/>
    <customWorkbookView name="岩崎 雄斗 - 個人用ビュー" guid="{9AD479D0-74F1-4430-85C7-131E1C6EE7EE}" mergeInterval="0" personalView="1" maximized="1" xWindow="-8" yWindow="-8" windowWidth="1382" windowHeight="744" tabRatio="591" activeSheetId="2"/>
    <customWorkbookView name="橋本 - 個人用ビュー" guid="{97820852-EFB0-4C71-ACB4-90A92997DE4E}" mergeInterval="0" personalView="1" maximized="1" xWindow="-8" yWindow="-8" windowWidth="1382" windowHeight="744" tabRatio="591" activeSheetId="1"/>
    <customWorkbookView name="杉本 - 個人用ビュー" guid="{E24941AB-C754-47BD-80B5-8B13B08E7FC9}" mergeInterval="0" personalView="1" windowWidth="1366" windowHeight="768" tabRatio="591" activeSheetId="1"/>
  </customWorkbookViews>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085" uniqueCount="1308">
  <si>
    <t>小論文・総合問題を課す大学のうち、出題概要等が公表されているところをまとめました（12月18日現在、河合塾調べ）。</t>
    <rPh sb="0" eb="3">
      <t>ショウロンブン</t>
    </rPh>
    <rPh sb="4" eb="6">
      <t>ソウゴウ</t>
    </rPh>
    <rPh sb="6" eb="8">
      <t>モンダイ</t>
    </rPh>
    <rPh sb="9" eb="10">
      <t>カ</t>
    </rPh>
    <rPh sb="11" eb="13">
      <t>ダイガク</t>
    </rPh>
    <rPh sb="17" eb="19">
      <t>シュツダイ</t>
    </rPh>
    <rPh sb="19" eb="21">
      <t>ガイヨウ</t>
    </rPh>
    <rPh sb="21" eb="22">
      <t>トウ</t>
    </rPh>
    <rPh sb="23" eb="25">
      <t>コウヒョウ</t>
    </rPh>
    <rPh sb="43" eb="44">
      <t>ガツ</t>
    </rPh>
    <rPh sb="46" eb="47">
      <t>ニチ</t>
    </rPh>
    <rPh sb="47" eb="49">
      <t>ゲンザイ</t>
    </rPh>
    <rPh sb="50" eb="52">
      <t>カワイ</t>
    </rPh>
    <rPh sb="52" eb="53">
      <t>ジュク</t>
    </rPh>
    <rPh sb="53" eb="54">
      <t>シラ</t>
    </rPh>
    <phoneticPr fontId="1"/>
  </si>
  <si>
    <t>●一般選抜のみを対象としています。</t>
    <rPh sb="1" eb="3">
      <t>イッパン</t>
    </rPh>
    <rPh sb="3" eb="5">
      <t>センバツ</t>
    </rPh>
    <rPh sb="8" eb="10">
      <t>タイショウ</t>
    </rPh>
    <phoneticPr fontId="1"/>
  </si>
  <si>
    <t>●種別欄に記載がないものは小論文の内容を示しています。</t>
    <rPh sb="1" eb="3">
      <t>シュベツ</t>
    </rPh>
    <rPh sb="3" eb="4">
      <t>ラン</t>
    </rPh>
    <rPh sb="5" eb="7">
      <t>キサイ</t>
    </rPh>
    <rPh sb="13" eb="16">
      <t>ショウロンブン</t>
    </rPh>
    <rPh sb="17" eb="19">
      <t>ナイヨウ</t>
    </rPh>
    <rPh sb="20" eb="21">
      <t>シメ</t>
    </rPh>
    <phoneticPr fontId="1"/>
  </si>
  <si>
    <t>●小論文の出題概要のうち、通常求められる「文章表現力」「論理的思考力」等の能力をはかるものや、出題や解答が日本語に指定されているものは、
 　小論文を課していても割愛しています。</t>
    <rPh sb="1" eb="4">
      <t>ショウロンブン</t>
    </rPh>
    <rPh sb="5" eb="7">
      <t>シュツダイ</t>
    </rPh>
    <rPh sb="7" eb="9">
      <t>ガイヨウ</t>
    </rPh>
    <rPh sb="13" eb="15">
      <t>ツウジョウ</t>
    </rPh>
    <rPh sb="15" eb="16">
      <t>モト</t>
    </rPh>
    <rPh sb="21" eb="23">
      <t>ブンショウ</t>
    </rPh>
    <rPh sb="23" eb="26">
      <t>ヒョウゲンリョク</t>
    </rPh>
    <rPh sb="28" eb="31">
      <t>ロンリテキ</t>
    </rPh>
    <rPh sb="31" eb="34">
      <t>シコウリョク</t>
    </rPh>
    <rPh sb="35" eb="36">
      <t>ナド</t>
    </rPh>
    <rPh sb="37" eb="39">
      <t>ノウリョク</t>
    </rPh>
    <rPh sb="47" eb="49">
      <t>シュツダイ</t>
    </rPh>
    <rPh sb="50" eb="52">
      <t>カイトウ</t>
    </rPh>
    <rPh sb="53" eb="56">
      <t>ニホンゴ</t>
    </rPh>
    <rPh sb="57" eb="59">
      <t>シテイ</t>
    </rPh>
    <rPh sb="71" eb="74">
      <t>ショウロンブン</t>
    </rPh>
    <rPh sb="75" eb="76">
      <t>カ</t>
    </rPh>
    <rPh sb="81" eb="83">
      <t>カツアイ</t>
    </rPh>
    <phoneticPr fontId="1"/>
  </si>
  <si>
    <t>●掲載内容は変更の可能性もありますので、詳細は各大学の学生募集要項にて確認してください。</t>
    <rPh sb="1" eb="3">
      <t>ケイサイ</t>
    </rPh>
    <rPh sb="3" eb="5">
      <t>ナイヨウ</t>
    </rPh>
    <rPh sb="6" eb="8">
      <t>ヘンコウ</t>
    </rPh>
    <rPh sb="9" eb="12">
      <t>カノウセイ</t>
    </rPh>
    <rPh sb="20" eb="22">
      <t>ショウサイ</t>
    </rPh>
    <rPh sb="23" eb="26">
      <t>カクダイガク</t>
    </rPh>
    <rPh sb="27" eb="29">
      <t>ガクセイ</t>
    </rPh>
    <rPh sb="29" eb="31">
      <t>ボシュウ</t>
    </rPh>
    <rPh sb="31" eb="33">
      <t>ヨウコウ</t>
    </rPh>
    <rPh sb="35" eb="37">
      <t>カクニン</t>
    </rPh>
    <phoneticPr fontId="1"/>
  </si>
  <si>
    <t>大学</t>
    <rPh sb="0" eb="2">
      <t>ダイガク</t>
    </rPh>
    <phoneticPr fontId="1"/>
  </si>
  <si>
    <t>学部</t>
    <rPh sb="0" eb="2">
      <t>ガクブ</t>
    </rPh>
    <phoneticPr fontId="1"/>
  </si>
  <si>
    <t>学科等</t>
    <rPh sb="0" eb="2">
      <t>ガッカ</t>
    </rPh>
    <rPh sb="2" eb="3">
      <t>ナド</t>
    </rPh>
    <phoneticPr fontId="1"/>
  </si>
  <si>
    <t>日程</t>
    <rPh sb="0" eb="2">
      <t>ニッテイ</t>
    </rPh>
    <phoneticPr fontId="1"/>
  </si>
  <si>
    <t>種別</t>
    <rPh sb="0" eb="2">
      <t>シュベツ</t>
    </rPh>
    <phoneticPr fontId="1"/>
  </si>
  <si>
    <t>解答字数</t>
    <rPh sb="0" eb="2">
      <t>カイトウ</t>
    </rPh>
    <rPh sb="2" eb="4">
      <t>ジスウ</t>
    </rPh>
    <phoneticPr fontId="1"/>
  </si>
  <si>
    <t>出題概要</t>
    <rPh sb="0" eb="2">
      <t>シュツダイ</t>
    </rPh>
    <rPh sb="2" eb="4">
      <t>ガイヨウ</t>
    </rPh>
    <phoneticPr fontId="1"/>
  </si>
  <si>
    <t>旭川市立</t>
    <rPh sb="0" eb="4">
      <t>アサヒカワシリツ</t>
    </rPh>
    <phoneticPr fontId="1"/>
  </si>
  <si>
    <t>保健福祉</t>
  </si>
  <si>
    <t>旭川市立</t>
  </si>
  <si>
    <t>全学科</t>
  </si>
  <si>
    <t>前</t>
    <rPh sb="0" eb="1">
      <t>ゼン</t>
    </rPh>
    <phoneticPr fontId="1"/>
  </si>
  <si>
    <t>1000字</t>
    <rPh sb="4" eb="5">
      <t>ジ</t>
    </rPh>
    <phoneticPr fontId="1"/>
  </si>
  <si>
    <t>帯広畜産</t>
  </si>
  <si>
    <t>畜産</t>
  </si>
  <si>
    <t>全課程</t>
  </si>
  <si>
    <t>前</t>
  </si>
  <si>
    <t>総合問題</t>
    <rPh sb="0" eb="2">
      <t>ソウゴウ</t>
    </rPh>
    <rPh sb="2" eb="4">
      <t>モンダイ</t>
    </rPh>
    <phoneticPr fontId="1"/>
  </si>
  <si>
    <t>「英」、「『数Ⅰ・数Ⅱ』の全範囲および『数Ａ（図形の性質・場合の数と確率）』『数Ｂ（統計的な推測・数列）』『数Ｃ（ベクトル・平面上の曲線と複素数平面）』」、「物基・物」、「化基・化」、「生基・生」の５科目から、英語は必答、英語以外の４科目から２科目を選択解答</t>
    <rPh sb="6" eb="7">
      <t>スウ</t>
    </rPh>
    <rPh sb="9" eb="10">
      <t>スウ</t>
    </rPh>
    <rPh sb="13" eb="14">
      <t>ゼン</t>
    </rPh>
    <rPh sb="14" eb="16">
      <t>ハンイ</t>
    </rPh>
    <rPh sb="23" eb="25">
      <t>ズケイ</t>
    </rPh>
    <rPh sb="26" eb="28">
      <t>セイシツ</t>
    </rPh>
    <rPh sb="29" eb="31">
      <t>バアイ</t>
    </rPh>
    <rPh sb="32" eb="33">
      <t>カズ</t>
    </rPh>
    <rPh sb="34" eb="36">
      <t>カクリツ</t>
    </rPh>
    <rPh sb="39" eb="40">
      <t>スウ</t>
    </rPh>
    <rPh sb="42" eb="45">
      <t>トウケイテキ</t>
    </rPh>
    <rPh sb="46" eb="48">
      <t>スイソク</t>
    </rPh>
    <rPh sb="49" eb="51">
      <t>スウレツ</t>
    </rPh>
    <rPh sb="54" eb="55">
      <t>スウ</t>
    </rPh>
    <rPh sb="62" eb="65">
      <t>ヘイメンジョウ</t>
    </rPh>
    <rPh sb="66" eb="68">
      <t>キョクセン</t>
    </rPh>
    <rPh sb="69" eb="72">
      <t>フクソスウ</t>
    </rPh>
    <rPh sb="72" eb="74">
      <t>ヘイメン</t>
    </rPh>
    <rPh sb="79" eb="80">
      <t>ブツ</t>
    </rPh>
    <rPh sb="80" eb="81">
      <t>キ</t>
    </rPh>
    <rPh sb="82" eb="83">
      <t>ブツ</t>
    </rPh>
    <rPh sb="86" eb="87">
      <t>カ</t>
    </rPh>
    <rPh sb="87" eb="88">
      <t>キ</t>
    </rPh>
    <rPh sb="89" eb="90">
      <t>カ</t>
    </rPh>
    <rPh sb="93" eb="94">
      <t>ナマ</t>
    </rPh>
    <rPh sb="94" eb="95">
      <t>キ</t>
    </rPh>
    <rPh sb="96" eb="97">
      <t>ナマ</t>
    </rPh>
    <rPh sb="100" eb="102">
      <t>カモク</t>
    </rPh>
    <rPh sb="105" eb="107">
      <t>エイゴ</t>
    </rPh>
    <rPh sb="108" eb="110">
      <t>ヒットウ</t>
    </rPh>
    <rPh sb="127" eb="129">
      <t>カイトウ</t>
    </rPh>
    <phoneticPr fontId="1"/>
  </si>
  <si>
    <t/>
  </si>
  <si>
    <t>共同獣医学</t>
  </si>
  <si>
    <t>後</t>
    <rPh sb="0" eb="1">
      <t>ウシ</t>
    </rPh>
    <phoneticPr fontId="1"/>
  </si>
  <si>
    <t>資料は英語で提示される場合がある</t>
    <rPh sb="0" eb="2">
      <t>シリョウ</t>
    </rPh>
    <rPh sb="3" eb="5">
      <t>エイゴ</t>
    </rPh>
    <rPh sb="6" eb="8">
      <t>テイジ</t>
    </rPh>
    <rPh sb="11" eb="13">
      <t>バアイ</t>
    </rPh>
    <phoneticPr fontId="1"/>
  </si>
  <si>
    <t>畜産科学</t>
  </si>
  <si>
    <t>札幌市立</t>
    <rPh sb="0" eb="4">
      <t>サッポロシリツ</t>
    </rPh>
    <phoneticPr fontId="1"/>
  </si>
  <si>
    <t>デザイン</t>
  </si>
  <si>
    <t>札幌市立</t>
  </si>
  <si>
    <t>前</t>
    <rPh sb="0" eb="1">
      <t>マエ</t>
    </rPh>
    <phoneticPr fontId="1"/>
  </si>
  <si>
    <t>デザイン総合問題</t>
    <rPh sb="4" eb="6">
      <t>ソウゴウ</t>
    </rPh>
    <rPh sb="6" eb="8">
      <t>モンダイ</t>
    </rPh>
    <phoneticPr fontId="1"/>
  </si>
  <si>
    <t>論述および描画の問題</t>
    <rPh sb="0" eb="2">
      <t>ロンジュツ</t>
    </rPh>
    <rPh sb="5" eb="7">
      <t>ビョウガ</t>
    </rPh>
    <rPh sb="8" eb="10">
      <t>モンダイ</t>
    </rPh>
    <phoneticPr fontId="1"/>
  </si>
  <si>
    <t>名寄市立</t>
    <rPh sb="0" eb="4">
      <t>ナヨロシリツ</t>
    </rPh>
    <phoneticPr fontId="1"/>
  </si>
  <si>
    <t>名寄市立</t>
  </si>
  <si>
    <t>前・後</t>
    <rPh sb="0" eb="1">
      <t>ゼン</t>
    </rPh>
    <rPh sb="2" eb="3">
      <t>アト</t>
    </rPh>
    <phoneticPr fontId="1"/>
  </si>
  <si>
    <t>社会、思想や文化等に関する課題文を提示する</t>
    <rPh sb="0" eb="2">
      <t>シャカイ</t>
    </rPh>
    <rPh sb="3" eb="5">
      <t>シソウ</t>
    </rPh>
    <rPh sb="6" eb="8">
      <t>ブンカ</t>
    </rPh>
    <rPh sb="8" eb="9">
      <t>ナド</t>
    </rPh>
    <rPh sb="10" eb="11">
      <t>カン</t>
    </rPh>
    <rPh sb="13" eb="15">
      <t>カダイ</t>
    </rPh>
    <rPh sb="15" eb="16">
      <t>ブン</t>
    </rPh>
    <rPh sb="17" eb="19">
      <t>テイジ</t>
    </rPh>
    <phoneticPr fontId="1"/>
  </si>
  <si>
    <t>北海道</t>
  </si>
  <si>
    <t>文</t>
  </si>
  <si>
    <t>人文科学</t>
  </si>
  <si>
    <t>後</t>
  </si>
  <si>
    <t>出題文に英文を含む</t>
  </si>
  <si>
    <t>北海道教育</t>
  </si>
  <si>
    <t>教育函館</t>
  </si>
  <si>
    <t>国際－国際協働・地域政策・地域環境科学</t>
  </si>
  <si>
    <t>特定の教科に偏らない内容であり、かつ、共通テストでは検出し難い理解力、思考力、表現力等を検出することができる内容の問題とする</t>
    <rPh sb="0" eb="2">
      <t>トクテイ</t>
    </rPh>
    <rPh sb="3" eb="5">
      <t>キョウカ</t>
    </rPh>
    <rPh sb="6" eb="7">
      <t>カタヨ</t>
    </rPh>
    <rPh sb="10" eb="12">
      <t>ナイヨウ</t>
    </rPh>
    <rPh sb="19" eb="21">
      <t>キョウツウ</t>
    </rPh>
    <rPh sb="26" eb="28">
      <t>ケンシュツ</t>
    </rPh>
    <rPh sb="29" eb="30">
      <t>ガタ</t>
    </rPh>
    <rPh sb="31" eb="34">
      <t>リカイリョク</t>
    </rPh>
    <rPh sb="35" eb="38">
      <t>シコウリョク</t>
    </rPh>
    <rPh sb="39" eb="42">
      <t>ヒョウゲンリョク</t>
    </rPh>
    <rPh sb="42" eb="43">
      <t>ナド</t>
    </rPh>
    <rPh sb="44" eb="46">
      <t>ケンシュツ</t>
    </rPh>
    <rPh sb="54" eb="56">
      <t>ナイヨウ</t>
    </rPh>
    <rPh sb="57" eb="59">
      <t>モンダイ</t>
    </rPh>
    <phoneticPr fontId="1"/>
  </si>
  <si>
    <t>国際－地域教育</t>
  </si>
  <si>
    <t>1200字</t>
    <rPh sb="4" eb="5">
      <t>ジ</t>
    </rPh>
    <phoneticPr fontId="1"/>
  </si>
  <si>
    <t>弘前</t>
  </si>
  <si>
    <t>人文社会科学</t>
  </si>
  <si>
    <t>２問 各800字</t>
    <rPh sb="1" eb="2">
      <t>モン</t>
    </rPh>
    <rPh sb="3" eb="4">
      <t>カク</t>
    </rPh>
    <rPh sb="7" eb="8">
      <t>ジ</t>
    </rPh>
    <phoneticPr fontId="1"/>
  </si>
  <si>
    <t>人間の営みや現代社会が直面している課題等について、資料として提示された文献等をふまえた論述形式の問題を課す</t>
    <rPh sb="19" eb="20">
      <t>ナド</t>
    </rPh>
    <rPh sb="37" eb="38">
      <t>トウ</t>
    </rPh>
    <rPh sb="45" eb="47">
      <t>ケイシキ</t>
    </rPh>
    <rPh sb="48" eb="50">
      <t>モンダイ</t>
    </rPh>
    <rPh sb="51" eb="52">
      <t>カ</t>
    </rPh>
    <phoneticPr fontId="1"/>
  </si>
  <si>
    <t>医</t>
    <rPh sb="0" eb="1">
      <t>イ</t>
    </rPh>
    <phoneticPr fontId="1"/>
  </si>
  <si>
    <t>医</t>
  </si>
  <si>
    <t xml:space="preserve">保健－看護学・理学療法学・作業療法学
</t>
  </si>
  <si>
    <t>800字</t>
    <rPh sb="3" eb="4">
      <t>ジ</t>
    </rPh>
    <phoneticPr fontId="1"/>
  </si>
  <si>
    <t>保健医療分野（人間、社会、環境、健康、医療、福祉等）にかかわる課題を提示して論述させる。また、資料や文献を与え、論述させる場合がある</t>
    <rPh sb="24" eb="25">
      <t>ナド</t>
    </rPh>
    <rPh sb="61" eb="63">
      <t>バアイ</t>
    </rPh>
    <phoneticPr fontId="1"/>
  </si>
  <si>
    <t>岩手県立</t>
  </si>
  <si>
    <t>社会福祉</t>
  </si>
  <si>
    <t>総合問題</t>
  </si>
  <si>
    <t>高等学校で得た基礎学力を前提に、提示した素材により、理解力、判断力、論理的思考力、表現力等を総合的に問う記述試験</t>
    <rPh sb="26" eb="29">
      <t>リカイリョク</t>
    </rPh>
    <rPh sb="30" eb="33">
      <t>ハンダンリョク</t>
    </rPh>
    <rPh sb="34" eb="36">
      <t>ロンリ</t>
    </rPh>
    <rPh sb="36" eb="37">
      <t>テキ</t>
    </rPh>
    <rPh sb="37" eb="40">
      <t>シコウリョク</t>
    </rPh>
    <rPh sb="41" eb="44">
      <t>ヒョウゲンリョク</t>
    </rPh>
    <rPh sb="44" eb="45">
      <t>ナド</t>
    </rPh>
    <rPh sb="46" eb="48">
      <t>ソウゴウ</t>
    </rPh>
    <rPh sb="48" eb="49">
      <t>テキ</t>
    </rPh>
    <phoneticPr fontId="1"/>
  </si>
  <si>
    <t>総合政策</t>
  </si>
  <si>
    <t>前・後</t>
    <rPh sb="2" eb="3">
      <t>ゴ</t>
    </rPh>
    <phoneticPr fontId="1"/>
  </si>
  <si>
    <t>現代の社会がかかえる諸問題について論じた文章およびそれらにかかわる資料・図表を提示し、それらの読解を通して、総合政策学部において学ぶために必要な問題発見力、分析能力、問題解決能力および表現力をみる（英語の問題を含まない）</t>
    <rPh sb="20" eb="22">
      <t>ブンショウ</t>
    </rPh>
    <rPh sb="37" eb="38">
      <t>ヒョウ</t>
    </rPh>
    <rPh sb="58" eb="60">
      <t>ガクブ</t>
    </rPh>
    <rPh sb="99" eb="101">
      <t>エイゴ</t>
    </rPh>
    <rPh sb="102" eb="104">
      <t>モンダイ</t>
    </rPh>
    <rPh sb="105" eb="106">
      <t>フク</t>
    </rPh>
    <phoneticPr fontId="1"/>
  </si>
  <si>
    <t>宮城教育</t>
    <rPh sb="0" eb="2">
      <t>ミヤギ</t>
    </rPh>
    <rPh sb="2" eb="4">
      <t>キョウイク</t>
    </rPh>
    <phoneticPr fontId="1"/>
  </si>
  <si>
    <t>教育</t>
    <rPh sb="0" eb="2">
      <t>キョウイク</t>
    </rPh>
    <phoneticPr fontId="1"/>
  </si>
  <si>
    <t>宮城教育</t>
  </si>
  <si>
    <t>教育</t>
  </si>
  <si>
    <t>全専攻</t>
  </si>
  <si>
    <t>教育小論文</t>
    <rPh sb="0" eb="2">
      <t>キョウイク</t>
    </rPh>
    <rPh sb="2" eb="5">
      <t>ショウロンブン</t>
    </rPh>
    <phoneticPr fontId="1"/>
  </si>
  <si>
    <t>教育関連の課題を出題する</t>
    <rPh sb="0" eb="2">
      <t>キョウイク</t>
    </rPh>
    <rPh sb="2" eb="4">
      <t>カンレン</t>
    </rPh>
    <rPh sb="5" eb="7">
      <t>カダイ</t>
    </rPh>
    <rPh sb="8" eb="10">
      <t>シュツダイ</t>
    </rPh>
    <phoneticPr fontId="1"/>
  </si>
  <si>
    <t>秋田</t>
  </si>
  <si>
    <t>教育文化</t>
  </si>
  <si>
    <t>学校－初等中等教育（英語型）</t>
  </si>
  <si>
    <t>前・後</t>
    <rPh sb="0" eb="1">
      <t>ゼン</t>
    </rPh>
    <phoneticPr fontId="1"/>
  </si>
  <si>
    <t>教員の資質形成の基礎となる論理的思考能力および英語運用能力を英語によるライティングテストを通してみる</t>
    <rPh sb="0" eb="2">
      <t>キョウイン</t>
    </rPh>
    <rPh sb="3" eb="5">
      <t>シシツ</t>
    </rPh>
    <rPh sb="5" eb="7">
      <t>ケイセイ</t>
    </rPh>
    <rPh sb="8" eb="10">
      <t>キソ</t>
    </rPh>
    <rPh sb="13" eb="15">
      <t>ロンリ</t>
    </rPh>
    <rPh sb="15" eb="16">
      <t>テキ</t>
    </rPh>
    <rPh sb="16" eb="18">
      <t>シコウ</t>
    </rPh>
    <rPh sb="18" eb="20">
      <t>ノウリョク</t>
    </rPh>
    <rPh sb="23" eb="25">
      <t>エイゴ</t>
    </rPh>
    <rPh sb="25" eb="27">
      <t>ウンヨウ</t>
    </rPh>
    <rPh sb="27" eb="29">
      <t>ノウリョク</t>
    </rPh>
    <rPh sb="30" eb="32">
      <t>エイゴ</t>
    </rPh>
    <rPh sb="45" eb="46">
      <t>トオ</t>
    </rPh>
    <phoneticPr fontId="1"/>
  </si>
  <si>
    <t>学校－特別支援教育</t>
  </si>
  <si>
    <t>教育や福祉、障害に関する基礎的なテーマから出題</t>
    <rPh sb="0" eb="2">
      <t>キョウイク</t>
    </rPh>
    <rPh sb="3" eb="5">
      <t>フクシ</t>
    </rPh>
    <rPh sb="6" eb="8">
      <t>ショウガイ</t>
    </rPh>
    <rPh sb="9" eb="10">
      <t>カン</t>
    </rPh>
    <rPh sb="12" eb="15">
      <t>キソテキ</t>
    </rPh>
    <rPh sb="21" eb="23">
      <t>シュツダイ</t>
    </rPh>
    <phoneticPr fontId="8"/>
  </si>
  <si>
    <t>学校－こども発達</t>
  </si>
  <si>
    <t>記述問題</t>
    <rPh sb="0" eb="2">
      <t>キジュツ</t>
    </rPh>
    <rPh sb="2" eb="4">
      <t>モンダイ</t>
    </rPh>
    <phoneticPr fontId="1"/>
  </si>
  <si>
    <t>現代の文化・社会や教育・保育に関する資料を素材にして設問し、論述させ、文章や図表の理解力、思考力および表現力をみる</t>
    <rPh sb="0" eb="2">
      <t>ゲンダイ</t>
    </rPh>
    <rPh sb="3" eb="5">
      <t>ブンカ</t>
    </rPh>
    <rPh sb="6" eb="8">
      <t>シャカイ</t>
    </rPh>
    <rPh sb="9" eb="11">
      <t>キョウイク</t>
    </rPh>
    <rPh sb="12" eb="14">
      <t>ホイク</t>
    </rPh>
    <rPh sb="15" eb="16">
      <t>カン</t>
    </rPh>
    <rPh sb="18" eb="20">
      <t>シリョウ</t>
    </rPh>
    <rPh sb="21" eb="23">
      <t>ソザイ</t>
    </rPh>
    <rPh sb="26" eb="28">
      <t>セツモン</t>
    </rPh>
    <rPh sb="30" eb="32">
      <t>ロンジュツ</t>
    </rPh>
    <rPh sb="35" eb="37">
      <t>ブンショウ</t>
    </rPh>
    <rPh sb="38" eb="40">
      <t>ズヒョウ</t>
    </rPh>
    <rPh sb="41" eb="44">
      <t>リカイリョク</t>
    </rPh>
    <rPh sb="45" eb="48">
      <t>シコウリョク</t>
    </rPh>
    <rPh sb="51" eb="54">
      <t>ヒョウゲンリョク</t>
    </rPh>
    <phoneticPr fontId="8"/>
  </si>
  <si>
    <t>地域文化</t>
  </si>
  <si>
    <t>社会や文化に関する課題文を出題</t>
    <rPh sb="0" eb="2">
      <t>シャカイ</t>
    </rPh>
    <rPh sb="3" eb="5">
      <t>ブンカ</t>
    </rPh>
    <rPh sb="6" eb="7">
      <t>カン</t>
    </rPh>
    <rPh sb="9" eb="12">
      <t>カダイブン</t>
    </rPh>
    <rPh sb="13" eb="15">
      <t>シュツダイ</t>
    </rPh>
    <phoneticPr fontId="1"/>
  </si>
  <si>
    <t>社会・文化・自然科学・医療等に関する日本語および英語の文章を素材にしていくつかの設問を与えて論述させる</t>
    <rPh sb="0" eb="2">
      <t>シャカイ</t>
    </rPh>
    <rPh sb="3" eb="5">
      <t>ブンカ</t>
    </rPh>
    <rPh sb="6" eb="8">
      <t>シゼン</t>
    </rPh>
    <rPh sb="8" eb="10">
      <t>カガク</t>
    </rPh>
    <rPh sb="11" eb="13">
      <t>イリョウ</t>
    </rPh>
    <rPh sb="13" eb="14">
      <t>ナド</t>
    </rPh>
    <rPh sb="15" eb="16">
      <t>カン</t>
    </rPh>
    <rPh sb="18" eb="21">
      <t>ニホンゴ</t>
    </rPh>
    <rPh sb="24" eb="26">
      <t>エイゴ</t>
    </rPh>
    <rPh sb="27" eb="29">
      <t>ブンショウ</t>
    </rPh>
    <rPh sb="30" eb="32">
      <t>ソザイ</t>
    </rPh>
    <rPh sb="40" eb="42">
      <t>セツモン</t>
    </rPh>
    <rPh sb="43" eb="44">
      <t>アタ</t>
    </rPh>
    <rPh sb="46" eb="48">
      <t>ロンジュツ</t>
    </rPh>
    <phoneticPr fontId="1"/>
  </si>
  <si>
    <t>東北農林専門職</t>
    <rPh sb="0" eb="2">
      <t>トウホク</t>
    </rPh>
    <rPh sb="2" eb="4">
      <t>ノウリン</t>
    </rPh>
    <rPh sb="4" eb="7">
      <t>センモンショク</t>
    </rPh>
    <phoneticPr fontId="1"/>
  </si>
  <si>
    <t>農林業経営</t>
    <rPh sb="0" eb="3">
      <t>ノウリンギョウ</t>
    </rPh>
    <rPh sb="3" eb="5">
      <t>ケイエイ</t>
    </rPh>
    <phoneticPr fontId="1"/>
  </si>
  <si>
    <t>東北農林専門職</t>
  </si>
  <si>
    <t>農林業経営</t>
  </si>
  <si>
    <t>山形</t>
    <rPh sb="0" eb="2">
      <t>ヤマガタ</t>
    </rPh>
    <phoneticPr fontId="1"/>
  </si>
  <si>
    <t>山形</t>
  </si>
  <si>
    <t>学校教育（心理支援系を除く）</t>
  </si>
  <si>
    <t>高等学校までの学習一般を前提として、論理的に考え説明する力を総合的に評価する。文章や資料（英文、図表、数式等も含むことがある）に基づいた出題を行う</t>
    <rPh sb="0" eb="2">
      <t>コウトウ</t>
    </rPh>
    <rPh sb="2" eb="4">
      <t>ガッコウ</t>
    </rPh>
    <rPh sb="7" eb="9">
      <t>ガクシュウ</t>
    </rPh>
    <rPh sb="9" eb="11">
      <t>イッパン</t>
    </rPh>
    <rPh sb="12" eb="14">
      <t>ゼンテイ</t>
    </rPh>
    <rPh sb="18" eb="21">
      <t>ロンリテキ</t>
    </rPh>
    <rPh sb="22" eb="23">
      <t>カンガ</t>
    </rPh>
    <rPh sb="24" eb="26">
      <t>セツメイ</t>
    </rPh>
    <rPh sb="28" eb="29">
      <t>チカラ</t>
    </rPh>
    <rPh sb="30" eb="32">
      <t>ソウゴウ</t>
    </rPh>
    <rPh sb="32" eb="33">
      <t>テキ</t>
    </rPh>
    <rPh sb="34" eb="36">
      <t>ヒョウカ</t>
    </rPh>
    <rPh sb="39" eb="41">
      <t>ブンショウ</t>
    </rPh>
    <rPh sb="42" eb="44">
      <t>シリョウ</t>
    </rPh>
    <rPh sb="45" eb="47">
      <t>エイブン</t>
    </rPh>
    <rPh sb="48" eb="50">
      <t>ズヒョウ</t>
    </rPh>
    <rPh sb="51" eb="53">
      <t>スウシキ</t>
    </rPh>
    <rPh sb="53" eb="54">
      <t>ナド</t>
    </rPh>
    <rPh sb="55" eb="56">
      <t>フク</t>
    </rPh>
    <rPh sb="64" eb="65">
      <t>モト</t>
    </rPh>
    <rPh sb="68" eb="70">
      <t>シュツダイ</t>
    </rPh>
    <rPh sb="71" eb="72">
      <t>オコナ</t>
    </rPh>
    <phoneticPr fontId="1"/>
  </si>
  <si>
    <t>理</t>
    <rPh sb="0" eb="1">
      <t>リ</t>
    </rPh>
    <phoneticPr fontId="1"/>
  </si>
  <si>
    <t>理</t>
  </si>
  <si>
    <t>地球科学に関する文章や資料（図表等を含む）を基に、科学的情報の要約、図表の読み取り、数値データのグラフ化等を課し、理解力、論理的思考力、表現力を総合的に評価する</t>
    <rPh sb="0" eb="2">
      <t>チキュウ</t>
    </rPh>
    <rPh sb="2" eb="4">
      <t>カガク</t>
    </rPh>
    <rPh sb="5" eb="6">
      <t>カン</t>
    </rPh>
    <rPh sb="8" eb="10">
      <t>ブンショウ</t>
    </rPh>
    <rPh sb="11" eb="13">
      <t>シリョウ</t>
    </rPh>
    <rPh sb="14" eb="16">
      <t>ズヒョウ</t>
    </rPh>
    <rPh sb="16" eb="17">
      <t>ナド</t>
    </rPh>
    <rPh sb="18" eb="19">
      <t>フク</t>
    </rPh>
    <rPh sb="22" eb="23">
      <t>モト</t>
    </rPh>
    <rPh sb="25" eb="28">
      <t>カガクテキ</t>
    </rPh>
    <rPh sb="28" eb="30">
      <t>ジョウホウ</t>
    </rPh>
    <rPh sb="31" eb="33">
      <t>ヨウヤク</t>
    </rPh>
    <rPh sb="34" eb="36">
      <t>ズヒョウ</t>
    </rPh>
    <rPh sb="37" eb="38">
      <t>ヨ</t>
    </rPh>
    <rPh sb="39" eb="40">
      <t>ト</t>
    </rPh>
    <rPh sb="42" eb="44">
      <t>スウチ</t>
    </rPh>
    <rPh sb="51" eb="52">
      <t>カ</t>
    </rPh>
    <rPh sb="52" eb="53">
      <t>ナド</t>
    </rPh>
    <rPh sb="54" eb="55">
      <t>カ</t>
    </rPh>
    <rPh sb="57" eb="60">
      <t>リカイリョク</t>
    </rPh>
    <rPh sb="61" eb="64">
      <t>ロンリテキ</t>
    </rPh>
    <rPh sb="64" eb="67">
      <t>シコウリョク</t>
    </rPh>
    <rPh sb="68" eb="71">
      <t>ヒョウゲンリョク</t>
    </rPh>
    <rPh sb="72" eb="75">
      <t>ソウゴウテキ</t>
    </rPh>
    <rPh sb="76" eb="78">
      <t>ヒョウカ</t>
    </rPh>
    <phoneticPr fontId="10"/>
  </si>
  <si>
    <t>山形県立米沢栄養</t>
    <rPh sb="0" eb="4">
      <t>ヤマガタケンリツ</t>
    </rPh>
    <rPh sb="4" eb="6">
      <t>ヨネザワ</t>
    </rPh>
    <rPh sb="6" eb="8">
      <t>エイヨウ</t>
    </rPh>
    <phoneticPr fontId="1"/>
  </si>
  <si>
    <t>健康栄養</t>
    <rPh sb="0" eb="2">
      <t>ケンコウ</t>
    </rPh>
    <rPh sb="2" eb="4">
      <t>エイヨウ</t>
    </rPh>
    <phoneticPr fontId="1"/>
  </si>
  <si>
    <t>山形県立米沢栄養</t>
  </si>
  <si>
    <t>健康栄養</t>
  </si>
  <si>
    <t>英文読解を含む</t>
    <rPh sb="0" eb="2">
      <t>エイブン</t>
    </rPh>
    <rPh sb="2" eb="4">
      <t>ドッカイ</t>
    </rPh>
    <rPh sb="5" eb="6">
      <t>フク</t>
    </rPh>
    <phoneticPr fontId="1"/>
  </si>
  <si>
    <t>福島</t>
  </si>
  <si>
    <t>人文社会（昼間）</t>
    <rPh sb="5" eb="7">
      <t>チュウカン</t>
    </rPh>
    <phoneticPr fontId="1"/>
  </si>
  <si>
    <t>人文社会（昼間）</t>
  </si>
  <si>
    <t>人間発達文化（芸術・表現、数理自然科学、スポーツ健康科学除く）、行政政策、経済経営</t>
  </si>
  <si>
    <t>全学類</t>
  </si>
  <si>
    <t>福島県立医科</t>
  </si>
  <si>
    <t>看護</t>
  </si>
  <si>
    <t>前・後</t>
  </si>
  <si>
    <t>提示した素材により読解力、思考力、表現力や保健・医療・福祉に関する諸問題への関心を総合的に問う記述試験で、英文による出題を含む</t>
  </si>
  <si>
    <t>茨城</t>
  </si>
  <si>
    <t>人間文化</t>
  </si>
  <si>
    <t>600～800字</t>
    <rPh sb="7" eb="8">
      <t>ジ</t>
    </rPh>
    <phoneticPr fontId="1"/>
  </si>
  <si>
    <t>ひろく人文科学に関連するまとまった内容をもつ文章等を示し、それについていくつかの設問に解答させる</t>
    <rPh sb="3" eb="5">
      <t>ジンブン</t>
    </rPh>
    <rPh sb="5" eb="7">
      <t>カガク</t>
    </rPh>
    <rPh sb="8" eb="10">
      <t>カンレン</t>
    </rPh>
    <rPh sb="24" eb="25">
      <t>ナド</t>
    </rPh>
    <rPh sb="26" eb="27">
      <t>シメ</t>
    </rPh>
    <rPh sb="40" eb="42">
      <t>セツモン</t>
    </rPh>
    <rPh sb="43" eb="45">
      <t>カイトウ</t>
    </rPh>
    <phoneticPr fontId="1"/>
  </si>
  <si>
    <t>学校－国語</t>
  </si>
  <si>
    <t>教育に関する興味、関心、姿勢等について論述させる</t>
    <rPh sb="0" eb="2">
      <t>キョウイク</t>
    </rPh>
    <rPh sb="3" eb="4">
      <t>カン</t>
    </rPh>
    <rPh sb="6" eb="8">
      <t>キョウミ</t>
    </rPh>
    <rPh sb="9" eb="11">
      <t>カンシン</t>
    </rPh>
    <rPh sb="12" eb="14">
      <t>シセイ</t>
    </rPh>
    <rPh sb="14" eb="15">
      <t>ナド</t>
    </rPh>
    <rPh sb="19" eb="21">
      <t>ロンジュツ</t>
    </rPh>
    <phoneticPr fontId="5"/>
  </si>
  <si>
    <t>学校－社会</t>
  </si>
  <si>
    <t>社会科（地理歴史・公民科を含む）に関連する資料を提示し、課題を与えて論述させる</t>
    <rPh sb="0" eb="2">
      <t>シャカイ</t>
    </rPh>
    <rPh sb="2" eb="3">
      <t>カ</t>
    </rPh>
    <rPh sb="4" eb="6">
      <t>チリ</t>
    </rPh>
    <rPh sb="6" eb="8">
      <t>レキシ</t>
    </rPh>
    <rPh sb="9" eb="11">
      <t>コウミン</t>
    </rPh>
    <rPh sb="11" eb="12">
      <t>カ</t>
    </rPh>
    <rPh sb="13" eb="14">
      <t>フク</t>
    </rPh>
    <rPh sb="17" eb="18">
      <t>カン</t>
    </rPh>
    <rPh sb="18" eb="19">
      <t>レン</t>
    </rPh>
    <rPh sb="21" eb="23">
      <t>シリョウ</t>
    </rPh>
    <rPh sb="24" eb="26">
      <t>テイジ</t>
    </rPh>
    <rPh sb="28" eb="30">
      <t>カダイ</t>
    </rPh>
    <rPh sb="31" eb="32">
      <t>アタ</t>
    </rPh>
    <rPh sb="34" eb="36">
      <t>ロンジュツ</t>
    </rPh>
    <phoneticPr fontId="1"/>
  </si>
  <si>
    <t>筑波</t>
  </si>
  <si>
    <t>理工</t>
  </si>
  <si>
    <t>物理</t>
  </si>
  <si>
    <t>物理学を学ぶ上で必要な論理力・思考力・応用力を総合的に評価する</t>
    <rPh sb="0" eb="3">
      <t>ブツリガク</t>
    </rPh>
    <rPh sb="4" eb="5">
      <t>マナ</t>
    </rPh>
    <rPh sb="6" eb="7">
      <t>ウエ</t>
    </rPh>
    <rPh sb="8" eb="10">
      <t>ヒツヨウ</t>
    </rPh>
    <rPh sb="11" eb="13">
      <t>ロンリ</t>
    </rPh>
    <rPh sb="13" eb="14">
      <t>リョク</t>
    </rPh>
    <rPh sb="15" eb="18">
      <t>シコウリョク</t>
    </rPh>
    <rPh sb="19" eb="21">
      <t>オウヨウ</t>
    </rPh>
    <rPh sb="21" eb="22">
      <t>リョク</t>
    </rPh>
    <rPh sb="23" eb="26">
      <t>ソウゴウテキ</t>
    </rPh>
    <rPh sb="27" eb="29">
      <t>ヒョウカ</t>
    </rPh>
    <phoneticPr fontId="1"/>
  </si>
  <si>
    <t>体育</t>
  </si>
  <si>
    <t>論述試験</t>
    <rPh sb="0" eb="2">
      <t>ロンジュツ</t>
    </rPh>
    <rPh sb="2" eb="4">
      <t>シケン</t>
    </rPh>
    <phoneticPr fontId="1"/>
  </si>
  <si>
    <t>保健体育に関する基礎的学力および文章表現能力をみる</t>
    <rPh sb="0" eb="2">
      <t>ホケン</t>
    </rPh>
    <rPh sb="2" eb="4">
      <t>タイイク</t>
    </rPh>
    <rPh sb="5" eb="6">
      <t>カン</t>
    </rPh>
    <rPh sb="8" eb="10">
      <t>キソ</t>
    </rPh>
    <rPh sb="10" eb="11">
      <t>テキ</t>
    </rPh>
    <rPh sb="11" eb="13">
      <t>ガクリョク</t>
    </rPh>
    <rPh sb="20" eb="22">
      <t>ノウリョク</t>
    </rPh>
    <phoneticPr fontId="1"/>
  </si>
  <si>
    <t>筑波技術</t>
    <rPh sb="0" eb="2">
      <t>ツクバ</t>
    </rPh>
    <rPh sb="2" eb="4">
      <t>ギジュツ</t>
    </rPh>
    <phoneticPr fontId="1"/>
  </si>
  <si>
    <t>産業技術</t>
    <rPh sb="0" eb="2">
      <t>サンギョウ</t>
    </rPh>
    <rPh sb="2" eb="4">
      <t>ギジュツ</t>
    </rPh>
    <phoneticPr fontId="1"/>
  </si>
  <si>
    <t>筑波技術</t>
  </si>
  <si>
    <t>産業技術</t>
  </si>
  <si>
    <t>産業情報</t>
  </si>
  <si>
    <t>高校卒業程度までの学力を基盤とした、理工系の論理的思考力、判断力等を評価する問題を課す</t>
    <rPh sb="0" eb="2">
      <t>コウコウ</t>
    </rPh>
    <rPh sb="2" eb="4">
      <t>ソツギョウ</t>
    </rPh>
    <rPh sb="4" eb="6">
      <t>テイド</t>
    </rPh>
    <rPh sb="9" eb="11">
      <t>ガクリョク</t>
    </rPh>
    <rPh sb="12" eb="14">
      <t>キバン</t>
    </rPh>
    <rPh sb="18" eb="21">
      <t>リコウケイ</t>
    </rPh>
    <rPh sb="22" eb="24">
      <t>ロンリ</t>
    </rPh>
    <rPh sb="24" eb="25">
      <t>テキ</t>
    </rPh>
    <rPh sb="25" eb="28">
      <t>シコウリョク</t>
    </rPh>
    <rPh sb="29" eb="32">
      <t>ハンダンリョク</t>
    </rPh>
    <rPh sb="32" eb="33">
      <t>ナド</t>
    </rPh>
    <rPh sb="34" eb="36">
      <t>ヒョウカ</t>
    </rPh>
    <rPh sb="38" eb="40">
      <t>モンダイ</t>
    </rPh>
    <rPh sb="41" eb="42">
      <t>カ</t>
    </rPh>
    <phoneticPr fontId="1"/>
  </si>
  <si>
    <t>総合デザイン</t>
  </si>
  <si>
    <t>高校卒業程度までの学力を基盤とした、デザイン系の論理的思考力、判断力等を評価する問題を課す</t>
    <rPh sb="0" eb="2">
      <t>コウコウ</t>
    </rPh>
    <rPh sb="2" eb="4">
      <t>ソツギョウ</t>
    </rPh>
    <rPh sb="4" eb="6">
      <t>テイド</t>
    </rPh>
    <rPh sb="9" eb="11">
      <t>ガクリョク</t>
    </rPh>
    <rPh sb="12" eb="14">
      <t>キバン</t>
    </rPh>
    <rPh sb="22" eb="23">
      <t>ケイ</t>
    </rPh>
    <rPh sb="24" eb="26">
      <t>ロンリ</t>
    </rPh>
    <rPh sb="26" eb="27">
      <t>テキ</t>
    </rPh>
    <rPh sb="27" eb="30">
      <t>シコウリョク</t>
    </rPh>
    <rPh sb="31" eb="34">
      <t>ハンダンリョク</t>
    </rPh>
    <rPh sb="34" eb="35">
      <t>ナド</t>
    </rPh>
    <rPh sb="36" eb="38">
      <t>ヒョウカ</t>
    </rPh>
    <rPh sb="40" eb="42">
      <t>モンダイ</t>
    </rPh>
    <rPh sb="43" eb="44">
      <t>カ</t>
    </rPh>
    <phoneticPr fontId="1"/>
  </si>
  <si>
    <t>宇都宮</t>
  </si>
  <si>
    <t>地域デザイン科学</t>
    <rPh sb="0" eb="2">
      <t>チイキ</t>
    </rPh>
    <rPh sb="6" eb="8">
      <t>カガク</t>
    </rPh>
    <phoneticPr fontId="1"/>
  </si>
  <si>
    <t>地域デザイン科学</t>
  </si>
  <si>
    <t>コミュニティデザイン</t>
  </si>
  <si>
    <t>課題文や資料（図表や写真等）を基に自らの考えを論理的に表現する能力を問う</t>
    <rPh sb="0" eb="2">
      <t>カダイ</t>
    </rPh>
    <rPh sb="2" eb="3">
      <t>ブン</t>
    </rPh>
    <rPh sb="4" eb="6">
      <t>シリョウ</t>
    </rPh>
    <rPh sb="7" eb="9">
      <t>ズヒョウ</t>
    </rPh>
    <rPh sb="10" eb="12">
      <t>シャシン</t>
    </rPh>
    <rPh sb="12" eb="13">
      <t>ナド</t>
    </rPh>
    <rPh sb="15" eb="16">
      <t>モト</t>
    </rPh>
    <rPh sb="17" eb="18">
      <t>ミズカ</t>
    </rPh>
    <rPh sb="20" eb="21">
      <t>カンガ</t>
    </rPh>
    <rPh sb="23" eb="26">
      <t>ロンリテキ</t>
    </rPh>
    <rPh sb="27" eb="29">
      <t>ヒョウゲン</t>
    </rPh>
    <rPh sb="31" eb="33">
      <t>ノウリョク</t>
    </rPh>
    <rPh sb="34" eb="35">
      <t>ト</t>
    </rPh>
    <phoneticPr fontId="1"/>
  </si>
  <si>
    <t>国際</t>
    <rPh sb="0" eb="2">
      <t>コクサイ</t>
    </rPh>
    <phoneticPr fontId="1"/>
  </si>
  <si>
    <t>国際</t>
  </si>
  <si>
    <t>国際的な社会的文化的事象に取り組んでいくための幅広い勉学や活動、経験から得られた知見、関心、問題意識等を問う</t>
    <rPh sb="0" eb="3">
      <t>コクサイテキ</t>
    </rPh>
    <rPh sb="4" eb="6">
      <t>シャカイ</t>
    </rPh>
    <rPh sb="6" eb="7">
      <t>テキ</t>
    </rPh>
    <rPh sb="7" eb="9">
      <t>ブンカ</t>
    </rPh>
    <rPh sb="9" eb="10">
      <t>テキ</t>
    </rPh>
    <rPh sb="10" eb="12">
      <t>ジショウ</t>
    </rPh>
    <rPh sb="13" eb="14">
      <t>ト</t>
    </rPh>
    <rPh sb="15" eb="16">
      <t>ク</t>
    </rPh>
    <rPh sb="23" eb="25">
      <t>ハバヒロ</t>
    </rPh>
    <rPh sb="26" eb="28">
      <t>ベンガク</t>
    </rPh>
    <rPh sb="29" eb="31">
      <t>カツドウ</t>
    </rPh>
    <rPh sb="32" eb="34">
      <t>ケイケン</t>
    </rPh>
    <rPh sb="36" eb="37">
      <t>エ</t>
    </rPh>
    <rPh sb="40" eb="42">
      <t>チケン</t>
    </rPh>
    <rPh sb="43" eb="45">
      <t>カンシン</t>
    </rPh>
    <rPh sb="46" eb="48">
      <t>モンダイ</t>
    </rPh>
    <rPh sb="48" eb="50">
      <t>イシキ</t>
    </rPh>
    <rPh sb="50" eb="51">
      <t>ナド</t>
    </rPh>
    <rPh sb="52" eb="53">
      <t>ト</t>
    </rPh>
    <phoneticPr fontId="1"/>
  </si>
  <si>
    <t>工</t>
    <rPh sb="0" eb="1">
      <t>コウ</t>
    </rPh>
    <phoneticPr fontId="1"/>
  </si>
  <si>
    <t>工</t>
  </si>
  <si>
    <t>基盤工</t>
  </si>
  <si>
    <t>後</t>
    <rPh sb="0" eb="1">
      <t>アト</t>
    </rPh>
    <phoneticPr fontId="1"/>
  </si>
  <si>
    <t>自然科学や科学技術に関する基礎的知識を問う</t>
    <rPh sb="5" eb="7">
      <t>カガク</t>
    </rPh>
    <rPh sb="7" eb="9">
      <t>ギジュツ</t>
    </rPh>
    <phoneticPr fontId="3"/>
  </si>
  <si>
    <t>農</t>
    <rPh sb="0" eb="1">
      <t>ノウ</t>
    </rPh>
    <phoneticPr fontId="1"/>
  </si>
  <si>
    <t>農</t>
  </si>
  <si>
    <t>エコロジカル社会経済</t>
  </si>
  <si>
    <t>食料問題、環境問題、地域社会の課題等に取り組んでいくための幅広い勉学や活動、経験から得られた知見、関心、問題意識等を問う</t>
    <rPh sb="0" eb="2">
      <t>ショクリョウ</t>
    </rPh>
    <rPh sb="2" eb="4">
      <t>モンダイ</t>
    </rPh>
    <rPh sb="5" eb="7">
      <t>カンキョウ</t>
    </rPh>
    <rPh sb="7" eb="9">
      <t>モンダイ</t>
    </rPh>
    <rPh sb="10" eb="12">
      <t>チイキ</t>
    </rPh>
    <rPh sb="12" eb="14">
      <t>シャカイ</t>
    </rPh>
    <rPh sb="15" eb="17">
      <t>カダイ</t>
    </rPh>
    <rPh sb="17" eb="18">
      <t>トウ</t>
    </rPh>
    <rPh sb="19" eb="20">
      <t>ト</t>
    </rPh>
    <rPh sb="21" eb="22">
      <t>ク</t>
    </rPh>
    <rPh sb="29" eb="31">
      <t>ハバヒロ</t>
    </rPh>
    <rPh sb="32" eb="34">
      <t>ベンガク</t>
    </rPh>
    <rPh sb="35" eb="37">
      <t>カツドウ</t>
    </rPh>
    <rPh sb="38" eb="40">
      <t>ケイケン</t>
    </rPh>
    <rPh sb="42" eb="43">
      <t>エ</t>
    </rPh>
    <rPh sb="46" eb="48">
      <t>チケン</t>
    </rPh>
    <rPh sb="49" eb="51">
      <t>カンシン</t>
    </rPh>
    <rPh sb="52" eb="54">
      <t>モンダイ</t>
    </rPh>
    <rPh sb="54" eb="56">
      <t>イシキ</t>
    </rPh>
    <rPh sb="56" eb="57">
      <t>ナド</t>
    </rPh>
    <rPh sb="58" eb="59">
      <t>ト</t>
    </rPh>
    <phoneticPr fontId="1"/>
  </si>
  <si>
    <t>群馬</t>
  </si>
  <si>
    <t>共同教育</t>
    <rPh sb="0" eb="4">
      <t>キョウドウキョウイク</t>
    </rPh>
    <phoneticPr fontId="1"/>
  </si>
  <si>
    <t>共同教育</t>
  </si>
  <si>
    <t>学校－数学・理科・技術</t>
  </si>
  <si>
    <t>数学および理科の両方を出題</t>
    <rPh sb="0" eb="2">
      <t>スウガク</t>
    </rPh>
    <rPh sb="5" eb="7">
      <t>リカ</t>
    </rPh>
    <rPh sb="8" eb="10">
      <t>リョウホウ</t>
    </rPh>
    <rPh sb="11" eb="13">
      <t>シュツダイ</t>
    </rPh>
    <phoneticPr fontId="1"/>
  </si>
  <si>
    <t>国語と英語の能力を問うことがある</t>
    <rPh sb="0" eb="2">
      <t>コクゴ</t>
    </rPh>
    <rPh sb="3" eb="5">
      <t>エイゴ</t>
    </rPh>
    <rPh sb="6" eb="8">
      <t>ノウリョク</t>
    </rPh>
    <rPh sb="9" eb="10">
      <t>ト</t>
    </rPh>
    <phoneticPr fontId="1"/>
  </si>
  <si>
    <t>情報</t>
  </si>
  <si>
    <t>２種類の問題から１つを選択する
文系型：広く現代社会に関する関心度と理解度をみる
理系型：事象を数理モデル化し、必要なデータを活用して合理的な解を得て、その解や解の導出過程を筋道立てて論理的に説明する能力を問う</t>
    <rPh sb="1" eb="3">
      <t>シュルイ</t>
    </rPh>
    <rPh sb="4" eb="6">
      <t>モンダイ</t>
    </rPh>
    <rPh sb="11" eb="13">
      <t>センタク</t>
    </rPh>
    <rPh sb="16" eb="18">
      <t>ブンケイ</t>
    </rPh>
    <rPh sb="18" eb="19">
      <t>ガタ</t>
    </rPh>
    <rPh sb="20" eb="21">
      <t>ヒロ</t>
    </rPh>
    <rPh sb="22" eb="24">
      <t>ゲンダイ</t>
    </rPh>
    <rPh sb="24" eb="26">
      <t>シャカイ</t>
    </rPh>
    <rPh sb="27" eb="28">
      <t>カン</t>
    </rPh>
    <rPh sb="30" eb="33">
      <t>カンシンド</t>
    </rPh>
    <rPh sb="34" eb="37">
      <t>リカイド</t>
    </rPh>
    <rPh sb="41" eb="43">
      <t>リケイ</t>
    </rPh>
    <rPh sb="43" eb="44">
      <t>ガタ</t>
    </rPh>
    <rPh sb="45" eb="47">
      <t>ジショウ</t>
    </rPh>
    <rPh sb="48" eb="50">
      <t>スウリ</t>
    </rPh>
    <rPh sb="53" eb="54">
      <t>カ</t>
    </rPh>
    <rPh sb="56" eb="58">
      <t>ヒツヨウ</t>
    </rPh>
    <rPh sb="63" eb="65">
      <t>カツヨウ</t>
    </rPh>
    <rPh sb="67" eb="70">
      <t>ゴウリテキ</t>
    </rPh>
    <rPh sb="71" eb="72">
      <t>カイ</t>
    </rPh>
    <rPh sb="73" eb="74">
      <t>エ</t>
    </rPh>
    <rPh sb="78" eb="79">
      <t>カイ</t>
    </rPh>
    <rPh sb="80" eb="81">
      <t>カイ</t>
    </rPh>
    <rPh sb="82" eb="84">
      <t>ドウシュツ</t>
    </rPh>
    <rPh sb="84" eb="86">
      <t>カテイ</t>
    </rPh>
    <rPh sb="87" eb="89">
      <t>スジミチ</t>
    </rPh>
    <rPh sb="89" eb="90">
      <t>ダ</t>
    </rPh>
    <rPh sb="92" eb="95">
      <t>ロンリテキ</t>
    </rPh>
    <rPh sb="96" eb="98">
      <t>セツメイ</t>
    </rPh>
    <rPh sb="100" eb="102">
      <t>ノウリョク</t>
    </rPh>
    <rPh sb="103" eb="104">
      <t>ト</t>
    </rPh>
    <phoneticPr fontId="0"/>
  </si>
  <si>
    <t>群馬県立女子</t>
  </si>
  <si>
    <t>美学美術史</t>
  </si>
  <si>
    <t>論理的読解力を中心に文化的方面の理解力を問う</t>
    <rPh sb="0" eb="3">
      <t>ロンリテキ</t>
    </rPh>
    <rPh sb="3" eb="4">
      <t>ヨ</t>
    </rPh>
    <rPh sb="4" eb="6">
      <t>リカイリョク</t>
    </rPh>
    <rPh sb="7" eb="9">
      <t>チュウシン</t>
    </rPh>
    <rPh sb="10" eb="13">
      <t>ブンカテキ</t>
    </rPh>
    <rPh sb="13" eb="15">
      <t>ホウメン</t>
    </rPh>
    <rPh sb="16" eb="19">
      <t>リカイリョク</t>
    </rPh>
    <rPh sb="20" eb="21">
      <t>ト</t>
    </rPh>
    <phoneticPr fontId="1"/>
  </si>
  <si>
    <t>文化情報</t>
  </si>
  <si>
    <t>社会や情報に関する文献や資料等について理解力や論理的思考力を問う</t>
    <rPh sb="0" eb="2">
      <t>シャカイ</t>
    </rPh>
    <rPh sb="3" eb="5">
      <t>ジョウホウ</t>
    </rPh>
    <rPh sb="6" eb="7">
      <t>カン</t>
    </rPh>
    <rPh sb="9" eb="11">
      <t>ブンケン</t>
    </rPh>
    <rPh sb="12" eb="14">
      <t>シリョウ</t>
    </rPh>
    <rPh sb="14" eb="15">
      <t>ナド</t>
    </rPh>
    <rPh sb="19" eb="21">
      <t>リカイ</t>
    </rPh>
    <rPh sb="21" eb="22">
      <t>リョク</t>
    </rPh>
    <rPh sb="23" eb="26">
      <t>ロンリテキ</t>
    </rPh>
    <rPh sb="26" eb="29">
      <t>シコウリョク</t>
    </rPh>
    <rPh sb="30" eb="31">
      <t>ト</t>
    </rPh>
    <phoneticPr fontId="1"/>
  </si>
  <si>
    <t>埼玉</t>
  </si>
  <si>
    <t>教養</t>
    <rPh sb="0" eb="2">
      <t>キョウヨウ</t>
    </rPh>
    <phoneticPr fontId="1"/>
  </si>
  <si>
    <t>教養</t>
  </si>
  <si>
    <t>社会や文化に関する課題文を与える</t>
    <rPh sb="0" eb="2">
      <t>シャカイ</t>
    </rPh>
    <rPh sb="3" eb="5">
      <t>ブンカ</t>
    </rPh>
    <rPh sb="6" eb="7">
      <t>カン</t>
    </rPh>
    <rPh sb="9" eb="11">
      <t>カダイ</t>
    </rPh>
    <rPh sb="11" eb="12">
      <t>ブン</t>
    </rPh>
    <rPh sb="13" eb="14">
      <t>アタ</t>
    </rPh>
    <phoneticPr fontId="1"/>
  </si>
  <si>
    <t>生体制御</t>
  </si>
  <si>
    <t>総合問題</t>
    <rPh sb="0" eb="4">
      <t>ソウゴウモンダイ</t>
    </rPh>
    <phoneticPr fontId="1"/>
  </si>
  <si>
    <t xml:space="preserve">生物学を中心とした自然科学的内容についての理解力、思考力、表現力等を問う
</t>
    <rPh sb="0" eb="3">
      <t>セイブツガク</t>
    </rPh>
    <rPh sb="4" eb="6">
      <t>チュウシン</t>
    </rPh>
    <rPh sb="9" eb="14">
      <t>シゼンカガクテキ</t>
    </rPh>
    <rPh sb="14" eb="16">
      <t>ナイヨウ</t>
    </rPh>
    <rPh sb="21" eb="24">
      <t>リカイリョク</t>
    </rPh>
    <rPh sb="25" eb="28">
      <t>シコウリョク</t>
    </rPh>
    <rPh sb="29" eb="32">
      <t>ヒョウゲンリョク</t>
    </rPh>
    <rPh sb="32" eb="33">
      <t>ナド</t>
    </rPh>
    <rPh sb="34" eb="35">
      <t>ト</t>
    </rPh>
    <phoneticPr fontId="1"/>
  </si>
  <si>
    <t>応用化学</t>
  </si>
  <si>
    <t>化学に関する知識、理解力、論理的思考力、計算力、および英語読解力等を総合的に評価する</t>
    <rPh sb="0" eb="2">
      <t>カガク</t>
    </rPh>
    <rPh sb="3" eb="4">
      <t>カン</t>
    </rPh>
    <rPh sb="6" eb="8">
      <t>チシキ</t>
    </rPh>
    <rPh sb="9" eb="12">
      <t>リカイリョク</t>
    </rPh>
    <rPh sb="13" eb="16">
      <t>ロンリテキ</t>
    </rPh>
    <rPh sb="16" eb="19">
      <t>シコウリョク</t>
    </rPh>
    <rPh sb="20" eb="23">
      <t>ケイサンリョク</t>
    </rPh>
    <rPh sb="27" eb="29">
      <t>エイゴ</t>
    </rPh>
    <rPh sb="29" eb="32">
      <t>ドッカイリョク</t>
    </rPh>
    <rPh sb="32" eb="33">
      <t>ナド</t>
    </rPh>
    <rPh sb="34" eb="37">
      <t>ソウゴウテキ</t>
    </rPh>
    <rPh sb="38" eb="40">
      <t>ヒョウカ</t>
    </rPh>
    <phoneticPr fontId="1"/>
  </si>
  <si>
    <t>千葉</t>
  </si>
  <si>
    <t>行動科学</t>
  </si>
  <si>
    <t>英文読解力、考察力、論理的思考力等を総合的に評価する</t>
    <rPh sb="0" eb="2">
      <t>エイブン</t>
    </rPh>
    <rPh sb="2" eb="5">
      <t>ドッカイリョク</t>
    </rPh>
    <rPh sb="6" eb="8">
      <t>コウサツ</t>
    </rPh>
    <rPh sb="8" eb="9">
      <t>リョク</t>
    </rPh>
    <rPh sb="10" eb="13">
      <t>ロンリテキ</t>
    </rPh>
    <rPh sb="13" eb="16">
      <t>シコウリョク</t>
    </rPh>
    <rPh sb="16" eb="17">
      <t>ナド</t>
    </rPh>
    <rPh sb="18" eb="21">
      <t>ソウゴウテキ</t>
    </rPh>
    <rPh sb="22" eb="24">
      <t>ヒョウカ</t>
    </rPh>
    <phoneticPr fontId="1"/>
  </si>
  <si>
    <t>歴史学</t>
  </si>
  <si>
    <t>世界と日本の歴史、歴史学に関する知識、資料（外国語の場合もある）の読解力等を総合的に評価する</t>
    <rPh sb="0" eb="2">
      <t>セカイ</t>
    </rPh>
    <rPh sb="3" eb="5">
      <t>ニホン</t>
    </rPh>
    <rPh sb="6" eb="8">
      <t>レキシ</t>
    </rPh>
    <rPh sb="9" eb="12">
      <t>レキシガク</t>
    </rPh>
    <rPh sb="13" eb="14">
      <t>カン</t>
    </rPh>
    <rPh sb="16" eb="18">
      <t>チシキ</t>
    </rPh>
    <rPh sb="19" eb="21">
      <t>シリョウ</t>
    </rPh>
    <rPh sb="20" eb="21">
      <t>ガイシ</t>
    </rPh>
    <rPh sb="22" eb="25">
      <t>ガイコクゴ</t>
    </rPh>
    <rPh sb="26" eb="28">
      <t>バアイ</t>
    </rPh>
    <rPh sb="33" eb="36">
      <t>ドッカイリョク</t>
    </rPh>
    <rPh sb="36" eb="37">
      <t>ナド</t>
    </rPh>
    <rPh sb="38" eb="41">
      <t>ソウゴウテキ</t>
    </rPh>
    <rPh sb="42" eb="44">
      <t>ヒョウカ</t>
    </rPh>
    <phoneticPr fontId="1"/>
  </si>
  <si>
    <t>法政経</t>
  </si>
  <si>
    <t>総合テスト</t>
  </si>
  <si>
    <t>社会科学に関する英語の文章を出題し、その大意を理解するとともに、それを日本語で論理的に説明する能力を評価する</t>
    <rPh sb="0" eb="2">
      <t>シャカイ</t>
    </rPh>
    <rPh sb="2" eb="4">
      <t>カガク</t>
    </rPh>
    <rPh sb="5" eb="6">
      <t>カン</t>
    </rPh>
    <rPh sb="8" eb="10">
      <t>エイゴ</t>
    </rPh>
    <rPh sb="11" eb="13">
      <t>ブンショウ</t>
    </rPh>
    <rPh sb="14" eb="16">
      <t>シュツダイ</t>
    </rPh>
    <rPh sb="20" eb="22">
      <t>タイイ</t>
    </rPh>
    <rPh sb="23" eb="25">
      <t>リカイ</t>
    </rPh>
    <rPh sb="35" eb="38">
      <t>ニホンゴ</t>
    </rPh>
    <rPh sb="39" eb="42">
      <t>ロンリテキ</t>
    </rPh>
    <rPh sb="43" eb="45">
      <t>セツメイ</t>
    </rPh>
    <rPh sb="47" eb="49">
      <t>ノウリョク</t>
    </rPh>
    <rPh sb="50" eb="52">
      <t>ヒョウカ</t>
    </rPh>
    <phoneticPr fontId="1"/>
  </si>
  <si>
    <t>総合テスト</t>
    <rPh sb="0" eb="2">
      <t>ソウゴウ</t>
    </rPh>
    <phoneticPr fontId="1"/>
  </si>
  <si>
    <t>物理（物基・物）に関する事柄を中心に、それに関連した数学（数Ⅰ・数Ⅱ・数Ⅲ・数Ａ・数Ｂ（数列）・数Ｃ（ベクトル・平面上の曲線と複素平面））を含めて出題し、思考力、理解力、表現力、論理性等を総合的に評価する</t>
    <rPh sb="3" eb="4">
      <t>ブツ</t>
    </rPh>
    <rPh sb="4" eb="5">
      <t>モトイ</t>
    </rPh>
    <rPh sb="6" eb="7">
      <t>ブツ</t>
    </rPh>
    <rPh sb="22" eb="24">
      <t>カンレン</t>
    </rPh>
    <rPh sb="26" eb="28">
      <t>スウガク</t>
    </rPh>
    <rPh sb="29" eb="30">
      <t>スウ</t>
    </rPh>
    <rPh sb="32" eb="33">
      <t>カズ</t>
    </rPh>
    <rPh sb="48" eb="49">
      <t>スウ</t>
    </rPh>
    <rPh sb="56" eb="59">
      <t>ヘイメンジョウ</t>
    </rPh>
    <rPh sb="60" eb="62">
      <t>キョクセン</t>
    </rPh>
    <rPh sb="63" eb="67">
      <t>フクソヘイメン</t>
    </rPh>
    <rPh sb="71" eb="72">
      <t>フク</t>
    </rPh>
    <rPh sb="74" eb="76">
      <t>シュツダイ</t>
    </rPh>
    <rPh sb="92" eb="93">
      <t>ナド</t>
    </rPh>
    <rPh sb="99" eb="101">
      <t>ヒョウカ</t>
    </rPh>
    <phoneticPr fontId="1"/>
  </si>
  <si>
    <t>お茶の水女子</t>
  </si>
  <si>
    <t>文教育</t>
  </si>
  <si>
    <t>英語文の短い論文をもとに日本語で論述する。英和辞典（電子式を除く）の持ち込みを認める</t>
    <rPh sb="0" eb="2">
      <t>エイゴ</t>
    </rPh>
    <rPh sb="2" eb="3">
      <t>ブン</t>
    </rPh>
    <rPh sb="4" eb="5">
      <t>ミジカ</t>
    </rPh>
    <rPh sb="6" eb="8">
      <t>ロンブン</t>
    </rPh>
    <phoneticPr fontId="1"/>
  </si>
  <si>
    <t>東京外国語</t>
    <rPh sb="0" eb="2">
      <t>トウキョウ</t>
    </rPh>
    <rPh sb="2" eb="5">
      <t>ガイコクゴ</t>
    </rPh>
    <phoneticPr fontId="1"/>
  </si>
  <si>
    <t>国際社会</t>
    <rPh sb="0" eb="2">
      <t>コクサイ</t>
    </rPh>
    <rPh sb="2" eb="4">
      <t>シャカイ</t>
    </rPh>
    <phoneticPr fontId="1"/>
  </si>
  <si>
    <t>東京外国語</t>
  </si>
  <si>
    <t>国際社会</t>
  </si>
  <si>
    <t>英語の課題文を読み、日本語で解答する</t>
    <rPh sb="0" eb="2">
      <t>エイゴ</t>
    </rPh>
    <rPh sb="3" eb="5">
      <t>カダイ</t>
    </rPh>
    <rPh sb="5" eb="6">
      <t>ブン</t>
    </rPh>
    <rPh sb="7" eb="8">
      <t>ヨ</t>
    </rPh>
    <rPh sb="10" eb="13">
      <t>ニホンゴ</t>
    </rPh>
    <rPh sb="14" eb="16">
      <t>カイトウ</t>
    </rPh>
    <phoneticPr fontId="1"/>
  </si>
  <si>
    <t>東京科学</t>
    <rPh sb="0" eb="4">
      <t>トウキョウカガク</t>
    </rPh>
    <phoneticPr fontId="1"/>
  </si>
  <si>
    <t>東京科学</t>
  </si>
  <si>
    <t>英文により出題する場合がある</t>
    <rPh sb="0" eb="2">
      <t>エイブン</t>
    </rPh>
    <rPh sb="5" eb="7">
      <t>シュツダイ</t>
    </rPh>
    <rPh sb="9" eb="11">
      <t>バアイ</t>
    </rPh>
    <phoneticPr fontId="1"/>
  </si>
  <si>
    <t>東京学芸</t>
  </si>
  <si>
    <t>初等－国語、中等－国語</t>
  </si>
  <si>
    <t>国語教育や日本語教育に関する課題とアドミッション･ポリシーを踏まえた課題を提示して、論述させる</t>
    <rPh sb="0" eb="2">
      <t>コクゴ</t>
    </rPh>
    <rPh sb="2" eb="4">
      <t>キョウイク</t>
    </rPh>
    <rPh sb="5" eb="8">
      <t>ニホンゴ</t>
    </rPh>
    <rPh sb="8" eb="10">
      <t>キョウイク</t>
    </rPh>
    <rPh sb="11" eb="12">
      <t>カン</t>
    </rPh>
    <rPh sb="14" eb="16">
      <t>カダイ</t>
    </rPh>
    <rPh sb="37" eb="39">
      <t>テイジ</t>
    </rPh>
    <rPh sb="42" eb="44">
      <t>ロンジュツ</t>
    </rPh>
    <phoneticPr fontId="5"/>
  </si>
  <si>
    <t>初等－社会・理科・環境教育、中等－社会・理科</t>
  </si>
  <si>
    <t>アドミッション･ポリシーを踏まえた課題を提示して、論述させる</t>
    <rPh sb="13" eb="14">
      <t>フ</t>
    </rPh>
    <rPh sb="17" eb="19">
      <t>カダイ</t>
    </rPh>
    <rPh sb="20" eb="22">
      <t>テイジ</t>
    </rPh>
    <rPh sb="25" eb="27">
      <t>ロンジュツ</t>
    </rPh>
    <phoneticPr fontId="5"/>
  </si>
  <si>
    <t>初等－数学、中等－数学</t>
  </si>
  <si>
    <t>数学に関する課題を提示して、論述させる</t>
    <rPh sb="0" eb="2">
      <t>スウガク</t>
    </rPh>
    <rPh sb="3" eb="4">
      <t>カン</t>
    </rPh>
    <rPh sb="6" eb="8">
      <t>カダイ</t>
    </rPh>
    <rPh sb="9" eb="11">
      <t>テイジ</t>
    </rPh>
    <rPh sb="14" eb="16">
      <t>ロンジュツ</t>
    </rPh>
    <phoneticPr fontId="5"/>
  </si>
  <si>
    <t>初等－家庭、中等－家庭</t>
  </si>
  <si>
    <t>生活科学分野に関する課題を提示して、論述させる</t>
    <rPh sb="2" eb="4">
      <t>カガク</t>
    </rPh>
    <rPh sb="4" eb="6">
      <t>ブンヤ</t>
    </rPh>
    <rPh sb="7" eb="8">
      <t>カン</t>
    </rPh>
    <rPh sb="10" eb="12">
      <t>カダイ</t>
    </rPh>
    <rPh sb="13" eb="15">
      <t>テイジ</t>
    </rPh>
    <rPh sb="18" eb="20">
      <t>ロンジュツ</t>
    </rPh>
    <phoneticPr fontId="5"/>
  </si>
  <si>
    <t>初等－学校教育</t>
  </si>
  <si>
    <t>学校内外の教育に関する諸問題についての課題を提示して、論述させる</t>
    <rPh sb="0" eb="2">
      <t>ガッコウ</t>
    </rPh>
    <rPh sb="2" eb="3">
      <t>ナイ</t>
    </rPh>
    <rPh sb="3" eb="4">
      <t>ガイ</t>
    </rPh>
    <rPh sb="5" eb="7">
      <t>キョウイク</t>
    </rPh>
    <rPh sb="8" eb="9">
      <t>カン</t>
    </rPh>
    <rPh sb="11" eb="14">
      <t>ショモンダイ</t>
    </rPh>
    <rPh sb="19" eb="21">
      <t>カダイ</t>
    </rPh>
    <rPh sb="22" eb="24">
      <t>テイジ</t>
    </rPh>
    <phoneticPr fontId="5"/>
  </si>
  <si>
    <t>中等－書道</t>
  </si>
  <si>
    <t>書の文化と理論および書写・書道教育に関する課題を提示して、論述させる</t>
    <rPh sb="0" eb="1">
      <t>ショ</t>
    </rPh>
    <rPh sb="2" eb="4">
      <t>ブンカ</t>
    </rPh>
    <rPh sb="5" eb="7">
      <t>リロン</t>
    </rPh>
    <rPh sb="10" eb="12">
      <t>ショシャ</t>
    </rPh>
    <rPh sb="13" eb="15">
      <t>ショドウ</t>
    </rPh>
    <rPh sb="15" eb="17">
      <t>キョウイク</t>
    </rPh>
    <rPh sb="18" eb="19">
      <t>カン</t>
    </rPh>
    <phoneticPr fontId="1"/>
  </si>
  <si>
    <t>特別支援教育</t>
  </si>
  <si>
    <t>教育や障がいに関する課題を提示して、論述させる</t>
    <rPh sb="0" eb="2">
      <t>キョウイク</t>
    </rPh>
    <rPh sb="3" eb="4">
      <t>サワ</t>
    </rPh>
    <rPh sb="7" eb="8">
      <t>カン</t>
    </rPh>
    <rPh sb="10" eb="12">
      <t>カダイ</t>
    </rPh>
    <rPh sb="13" eb="15">
      <t>テイジ</t>
    </rPh>
    <rPh sb="18" eb="20">
      <t>ロンジュツ</t>
    </rPh>
    <phoneticPr fontId="5"/>
  </si>
  <si>
    <t>養護教育</t>
  </si>
  <si>
    <t>社会における健康課題に関する課題を提示して、論述させる</t>
    <rPh sb="0" eb="2">
      <t>シャカイ</t>
    </rPh>
    <rPh sb="6" eb="8">
      <t>ケンコウ</t>
    </rPh>
    <rPh sb="8" eb="10">
      <t>カダイ</t>
    </rPh>
    <rPh sb="11" eb="12">
      <t>カン</t>
    </rPh>
    <phoneticPr fontId="5"/>
  </si>
  <si>
    <t>教育－生涯学習・文化遺産教育</t>
  </si>
  <si>
    <t>生涯学習・文化遺産教育に関する課題を提示して、論述させる</t>
    <rPh sb="0" eb="2">
      <t>ショウガイ</t>
    </rPh>
    <rPh sb="2" eb="4">
      <t>ガクシュウ</t>
    </rPh>
    <rPh sb="12" eb="13">
      <t>カン</t>
    </rPh>
    <rPh sb="15" eb="17">
      <t>カダイ</t>
    </rPh>
    <rPh sb="18" eb="20">
      <t>テイジ</t>
    </rPh>
    <rPh sb="23" eb="25">
      <t>ロンジュツ</t>
    </rPh>
    <phoneticPr fontId="5"/>
  </si>
  <si>
    <t>教育－ソーシャルワーク</t>
  </si>
  <si>
    <t>社会福祉に関する論考または資料を提示して、分析・論述させる</t>
    <rPh sb="0" eb="2">
      <t>シャカイ</t>
    </rPh>
    <rPh sb="2" eb="4">
      <t>フクシ</t>
    </rPh>
    <rPh sb="5" eb="6">
      <t>カン</t>
    </rPh>
    <rPh sb="8" eb="10">
      <t>ロンコウ</t>
    </rPh>
    <rPh sb="13" eb="15">
      <t>シリョウ</t>
    </rPh>
    <rPh sb="16" eb="18">
      <t>テイジ</t>
    </rPh>
    <rPh sb="21" eb="23">
      <t>ブンセキ</t>
    </rPh>
    <rPh sb="24" eb="26">
      <t>ロンジュツ</t>
    </rPh>
    <phoneticPr fontId="5"/>
  </si>
  <si>
    <t>教育－多文化共生教育</t>
  </si>
  <si>
    <t>異文化理解や多文化共生に関する論考または資料を提示して、分析・論述させる</t>
    <rPh sb="0" eb="3">
      <t>イブンカ</t>
    </rPh>
    <rPh sb="3" eb="5">
      <t>リカイ</t>
    </rPh>
    <rPh sb="6" eb="11">
      <t>タブンカキョウセイ</t>
    </rPh>
    <rPh sb="12" eb="13">
      <t>カン</t>
    </rPh>
    <rPh sb="15" eb="17">
      <t>ロンコウ</t>
    </rPh>
    <rPh sb="20" eb="22">
      <t>シリョウ</t>
    </rPh>
    <rPh sb="23" eb="25">
      <t>テイジ</t>
    </rPh>
    <rPh sb="28" eb="30">
      <t>ブンセキ</t>
    </rPh>
    <rPh sb="31" eb="33">
      <t>ロンジュツ</t>
    </rPh>
    <phoneticPr fontId="5"/>
  </si>
  <si>
    <t>教育－表現教育</t>
  </si>
  <si>
    <t>芸術作品の表現に関する基礎的知識・理解・洞察力等を問う</t>
    <rPh sb="23" eb="24">
      <t>ナド</t>
    </rPh>
    <phoneticPr fontId="1"/>
  </si>
  <si>
    <t>東京芸術</t>
  </si>
  <si>
    <t>音楽</t>
  </si>
  <si>
    <t>楽理</t>
  </si>
  <si>
    <t>口述試問を含む</t>
    <rPh sb="0" eb="2">
      <t>コウジュツ</t>
    </rPh>
    <rPh sb="2" eb="4">
      <t>シモン</t>
    </rPh>
    <rPh sb="5" eb="6">
      <t>フク</t>
    </rPh>
    <phoneticPr fontId="1"/>
  </si>
  <si>
    <t>一橋</t>
    <rPh sb="0" eb="2">
      <t>ヒトツバシ</t>
    </rPh>
    <phoneticPr fontId="1"/>
  </si>
  <si>
    <t>ソーシャル・データサイエンス</t>
  </si>
  <si>
    <t>一橋</t>
  </si>
  <si>
    <t>社会において数理的なものの考え方を応用する力、情報技術の活用について自ら試行する姿勢を確認する</t>
    <rPh sb="0" eb="2">
      <t>シャカイ</t>
    </rPh>
    <rPh sb="6" eb="8">
      <t>スウリ</t>
    </rPh>
    <rPh sb="8" eb="9">
      <t>テキ</t>
    </rPh>
    <rPh sb="13" eb="14">
      <t>カンガ</t>
    </rPh>
    <rPh sb="15" eb="16">
      <t>カタ</t>
    </rPh>
    <rPh sb="17" eb="19">
      <t>オウヨウ</t>
    </rPh>
    <rPh sb="21" eb="22">
      <t>チカラ</t>
    </rPh>
    <rPh sb="23" eb="27">
      <t>ジョウホウギジュツ</t>
    </rPh>
    <rPh sb="28" eb="30">
      <t>カツヨウ</t>
    </rPh>
    <rPh sb="34" eb="35">
      <t>ミズカ</t>
    </rPh>
    <rPh sb="36" eb="38">
      <t>シコウ</t>
    </rPh>
    <rPh sb="40" eb="42">
      <t>シセイ</t>
    </rPh>
    <rPh sb="43" eb="45">
      <t>カクニン</t>
    </rPh>
    <phoneticPr fontId="1"/>
  </si>
  <si>
    <t>神奈川県立保健福祉</t>
  </si>
  <si>
    <t xml:space="preserve">保健・医療・福祉に関する資料（テーマ）を素材とした総合的な記述試験により、論理的思考力、創造力、表現力等を評価する。高等学校の学習内容を前提とする
</t>
    <rPh sb="0" eb="1">
      <t>ホケン</t>
    </rPh>
    <rPh sb="1" eb="2">
      <t>ケンコウ</t>
    </rPh>
    <rPh sb="3" eb="5">
      <t>イリョウ</t>
    </rPh>
    <rPh sb="6" eb="8">
      <t>フクシ</t>
    </rPh>
    <rPh sb="9" eb="10">
      <t>カン</t>
    </rPh>
    <rPh sb="12" eb="14">
      <t>シリョウ</t>
    </rPh>
    <rPh sb="20" eb="22">
      <t>ソザイ</t>
    </rPh>
    <rPh sb="25" eb="28">
      <t>ソウゴウテキ</t>
    </rPh>
    <rPh sb="29" eb="31">
      <t>キジュツ</t>
    </rPh>
    <rPh sb="31" eb="33">
      <t>シケン</t>
    </rPh>
    <rPh sb="37" eb="40">
      <t>ロンリテキ</t>
    </rPh>
    <rPh sb="40" eb="43">
      <t>シ</t>
    </rPh>
    <rPh sb="44" eb="47">
      <t>ソ</t>
    </rPh>
    <rPh sb="48" eb="51">
      <t>ヒョ</t>
    </rPh>
    <rPh sb="51" eb="52">
      <t>ナド</t>
    </rPh>
    <rPh sb="53" eb="55">
      <t>ヒョウカ</t>
    </rPh>
    <phoneticPr fontId="1"/>
  </si>
  <si>
    <t>川崎市立看護</t>
    <rPh sb="0" eb="2">
      <t>カワサキ</t>
    </rPh>
    <rPh sb="2" eb="4">
      <t>シリツ</t>
    </rPh>
    <rPh sb="4" eb="6">
      <t>カンゴ</t>
    </rPh>
    <phoneticPr fontId="1"/>
  </si>
  <si>
    <t>川崎市立看護</t>
  </si>
  <si>
    <t>横浜国立</t>
  </si>
  <si>
    <t>全コース（芸術－音楽・美術・保健体育を除く）</t>
  </si>
  <si>
    <t>教育に関する日本語の文章をはじめ、絵・図・表等の読み解き、あるいはそれらに基づいた文章を作成させる（一部に英文を含むこともある）</t>
    <rPh sb="22" eb="23">
      <t>ナド</t>
    </rPh>
    <rPh sb="37" eb="38">
      <t>モト</t>
    </rPh>
    <rPh sb="41" eb="42">
      <t>ブン</t>
    </rPh>
    <rPh sb="42" eb="43">
      <t>ショウ</t>
    </rPh>
    <rPh sb="44" eb="46">
      <t>サクセイ</t>
    </rPh>
    <rPh sb="50" eb="52">
      <t>イチブ</t>
    </rPh>
    <rPh sb="53" eb="55">
      <t>エイブン</t>
    </rPh>
    <rPh sb="56" eb="57">
      <t>フク</t>
    </rPh>
    <phoneticPr fontId="1"/>
  </si>
  <si>
    <t>都市科学</t>
    <rPh sb="0" eb="2">
      <t>トシ</t>
    </rPh>
    <rPh sb="2" eb="4">
      <t>カガク</t>
    </rPh>
    <phoneticPr fontId="1"/>
  </si>
  <si>
    <t>都市科学</t>
  </si>
  <si>
    <t>都市社会共生</t>
  </si>
  <si>
    <t>これからの都市をさまざまに構想することを背景におきながら、共生社会と多様性のあり方、文化や芸術の可能性、グローバルとローカルの接合等に関連した人文社会領域の素材を提示する</t>
    <rPh sb="65" eb="66">
      <t>ナド</t>
    </rPh>
    <phoneticPr fontId="1"/>
  </si>
  <si>
    <t>環境リスク共生</t>
  </si>
  <si>
    <t>自然環境や生態環境、社会環境のさまざまなリスクに関連した素材を提示する</t>
  </si>
  <si>
    <t>横浜市立</t>
  </si>
  <si>
    <t>国際教養</t>
    <rPh sb="2" eb="4">
      <t>キョウヨウ</t>
    </rPh>
    <phoneticPr fontId="1"/>
  </si>
  <si>
    <t>国際教養</t>
  </si>
  <si>
    <t>人文科学・社会科学分野に関する課題を提示する</t>
    <rPh sb="9" eb="11">
      <t>ブンヤ</t>
    </rPh>
    <rPh sb="12" eb="13">
      <t>カン</t>
    </rPh>
    <rPh sb="15" eb="17">
      <t>カダイ</t>
    </rPh>
    <rPh sb="18" eb="20">
      <t>テイジ</t>
    </rPh>
    <phoneticPr fontId="1"/>
  </si>
  <si>
    <t>国際商</t>
  </si>
  <si>
    <t>社会科学分野に関する課題を提示する</t>
    <rPh sb="0" eb="2">
      <t>シャカイ</t>
    </rPh>
    <rPh sb="2" eb="4">
      <t>カガク</t>
    </rPh>
    <rPh sb="4" eb="6">
      <t>ブンヤ</t>
    </rPh>
    <rPh sb="7" eb="8">
      <t>カン</t>
    </rPh>
    <rPh sb="10" eb="12">
      <t>カダイ</t>
    </rPh>
    <rPh sb="13" eb="15">
      <t>テイジ</t>
    </rPh>
    <phoneticPr fontId="1"/>
  </si>
  <si>
    <t>論文</t>
    <rPh sb="0" eb="2">
      <t>ロンブン</t>
    </rPh>
    <phoneticPr fontId="1"/>
  </si>
  <si>
    <t>保健・医療・福祉の分野に関する課題を提示する</t>
    <rPh sb="0" eb="2">
      <t>ホケン</t>
    </rPh>
    <rPh sb="3" eb="5">
      <t>イリョウ</t>
    </rPh>
    <rPh sb="6" eb="8">
      <t>フクシ</t>
    </rPh>
    <rPh sb="9" eb="11">
      <t>ブンヤ</t>
    </rPh>
    <rPh sb="12" eb="13">
      <t>カン</t>
    </rPh>
    <rPh sb="15" eb="17">
      <t>カダイ</t>
    </rPh>
    <rPh sb="18" eb="20">
      <t>テイジ</t>
    </rPh>
    <phoneticPr fontId="1"/>
  </si>
  <si>
    <t>データサイエンス</t>
  </si>
  <si>
    <t>図表データ、文章等の情報を与え、それに基づいた論説能力等を問う</t>
    <rPh sb="0" eb="2">
      <t>ズヒョウ</t>
    </rPh>
    <rPh sb="6" eb="7">
      <t>ブン</t>
    </rPh>
    <rPh sb="8" eb="9">
      <t>ナド</t>
    </rPh>
    <rPh sb="10" eb="12">
      <t>ジョウホウ</t>
    </rPh>
    <rPh sb="13" eb="14">
      <t>アタ</t>
    </rPh>
    <rPh sb="19" eb="20">
      <t>モト</t>
    </rPh>
    <rPh sb="23" eb="25">
      <t>ロンセツ</t>
    </rPh>
    <rPh sb="25" eb="27">
      <t>ノウリョク</t>
    </rPh>
    <rPh sb="27" eb="28">
      <t>ナド</t>
    </rPh>
    <rPh sb="29" eb="30">
      <t>ト</t>
    </rPh>
    <phoneticPr fontId="1"/>
  </si>
  <si>
    <t>上越教育</t>
    <rPh sb="0" eb="2">
      <t>ジョウエツ</t>
    </rPh>
    <rPh sb="2" eb="4">
      <t>キョウイク</t>
    </rPh>
    <phoneticPr fontId="1"/>
  </si>
  <si>
    <t>学校教育</t>
  </si>
  <si>
    <t>上越教育</t>
  </si>
  <si>
    <t>初等教育教員養成</t>
  </si>
  <si>
    <t>新潟</t>
  </si>
  <si>
    <t>人文</t>
  </si>
  <si>
    <t>高等学校の学習一般を前提とし、特に人間・社会・文化に関わる諸問題について、英語の理解力および日本語の表現力をみる</t>
    <rPh sb="17" eb="19">
      <t>ニンゲン</t>
    </rPh>
    <rPh sb="20" eb="22">
      <t>シャカイ</t>
    </rPh>
    <phoneticPr fontId="1"/>
  </si>
  <si>
    <t>富山</t>
  </si>
  <si>
    <t>経済</t>
    <rPh sb="0" eb="2">
      <t>ケイザイ</t>
    </rPh>
    <phoneticPr fontId="1"/>
  </si>
  <si>
    <t>経済</t>
  </si>
  <si>
    <t>経済経営</t>
  </si>
  <si>
    <t>英文ならびに社会科学に関する文章・資料・統計等を示し論述させる問題を含む</t>
    <rPh sb="0" eb="2">
      <t>エイブン</t>
    </rPh>
    <rPh sb="6" eb="8">
      <t>シャカイ</t>
    </rPh>
    <rPh sb="8" eb="10">
      <t>カガク</t>
    </rPh>
    <rPh sb="11" eb="12">
      <t>カン</t>
    </rPh>
    <rPh sb="14" eb="16">
      <t>ブンショウ</t>
    </rPh>
    <rPh sb="17" eb="19">
      <t>シリョウ</t>
    </rPh>
    <rPh sb="20" eb="22">
      <t>トウケイ</t>
    </rPh>
    <rPh sb="22" eb="23">
      <t>ナド</t>
    </rPh>
    <rPh sb="24" eb="25">
      <t>シメ</t>
    </rPh>
    <rPh sb="26" eb="28">
      <t>ロンジュツ</t>
    </rPh>
    <rPh sb="31" eb="33">
      <t>モンダイ</t>
    </rPh>
    <rPh sb="34" eb="35">
      <t>フク</t>
    </rPh>
    <phoneticPr fontId="1"/>
  </si>
  <si>
    <t>金沢</t>
  </si>
  <si>
    <t>文系一括、人間社会、融合</t>
    <rPh sb="0" eb="2">
      <t>ブンケイ</t>
    </rPh>
    <rPh sb="2" eb="4">
      <t>イッカツ</t>
    </rPh>
    <rPh sb="10" eb="12">
      <t>ユウゴウ</t>
    </rPh>
    <phoneticPr fontId="1"/>
  </si>
  <si>
    <t>文系一括、人間社会、融合</t>
  </si>
  <si>
    <t>人文、学校教育、国際、先導（文系傾斜）、観光デザイン（文系傾斜）、スマート創成科学（文系傾斜）</t>
  </si>
  <si>
    <t>主に日本語による資料を提示し、読解力、分析力、論理的思考力および日本語による表現力等を総合的に評価する</t>
    <rPh sb="0" eb="1">
      <t>オモ</t>
    </rPh>
    <rPh sb="2" eb="5">
      <t>ニホンゴ</t>
    </rPh>
    <rPh sb="8" eb="10">
      <t>シリョウ</t>
    </rPh>
    <rPh sb="11" eb="13">
      <t>テイジ</t>
    </rPh>
    <rPh sb="15" eb="18">
      <t>ドッカイリョク</t>
    </rPh>
    <rPh sb="19" eb="22">
      <t>ブンセキリョク</t>
    </rPh>
    <rPh sb="23" eb="26">
      <t>ロンリテキ</t>
    </rPh>
    <rPh sb="26" eb="29">
      <t>シコウリョク</t>
    </rPh>
    <rPh sb="32" eb="35">
      <t>ニホンゴ</t>
    </rPh>
    <rPh sb="38" eb="41">
      <t>ヒョウゲンリョク</t>
    </rPh>
    <rPh sb="41" eb="42">
      <t>ナド</t>
    </rPh>
    <rPh sb="43" eb="45">
      <t>ソウゴウ</t>
    </rPh>
    <rPh sb="45" eb="46">
      <t>テキ</t>
    </rPh>
    <rPh sb="47" eb="49">
      <t>ヒョウカ</t>
    </rPh>
    <phoneticPr fontId="1"/>
  </si>
  <si>
    <t>公立小松</t>
    <rPh sb="0" eb="2">
      <t>コウリツ</t>
    </rPh>
    <rPh sb="2" eb="4">
      <t>コマツ</t>
    </rPh>
    <phoneticPr fontId="1"/>
  </si>
  <si>
    <t>国際文化交流</t>
    <rPh sb="0" eb="2">
      <t>コクサイ</t>
    </rPh>
    <rPh sb="2" eb="4">
      <t>ブンカ</t>
    </rPh>
    <rPh sb="4" eb="6">
      <t>コウリュウ</t>
    </rPh>
    <phoneticPr fontId="1"/>
  </si>
  <si>
    <t>公立小松</t>
  </si>
  <si>
    <t>国際文化交流</t>
  </si>
  <si>
    <t>社会、歴史、文化、言葉等に関する英語と日本語の文章を１つずつ提示し、それぞれについて文章理解に基づき日本語で論述させる</t>
    <rPh sb="0" eb="2">
      <t>シャカイ</t>
    </rPh>
    <rPh sb="3" eb="5">
      <t>レキシ</t>
    </rPh>
    <rPh sb="6" eb="8">
      <t>ブンカ</t>
    </rPh>
    <rPh sb="9" eb="11">
      <t>コトバ</t>
    </rPh>
    <rPh sb="11" eb="12">
      <t>ナド</t>
    </rPh>
    <rPh sb="13" eb="14">
      <t>カン</t>
    </rPh>
    <rPh sb="16" eb="18">
      <t>エイゴ</t>
    </rPh>
    <rPh sb="19" eb="22">
      <t>ニホンゴ</t>
    </rPh>
    <rPh sb="23" eb="25">
      <t>ブンショウ</t>
    </rPh>
    <rPh sb="30" eb="32">
      <t>テイジ</t>
    </rPh>
    <rPh sb="42" eb="44">
      <t>ブンショウ</t>
    </rPh>
    <rPh sb="44" eb="46">
      <t>リカイ</t>
    </rPh>
    <rPh sb="47" eb="48">
      <t>モト</t>
    </rPh>
    <rPh sb="50" eb="53">
      <t>ニホンゴ</t>
    </rPh>
    <rPh sb="54" eb="56">
      <t>ロンジュツ</t>
    </rPh>
    <phoneticPr fontId="1"/>
  </si>
  <si>
    <t>中</t>
  </si>
  <si>
    <t>社会、歴史、文化、言葉等に関する日本語の文章を２つ提示し、それぞれについて文章理解に基づく論述をさせる</t>
    <rPh sb="0" eb="2">
      <t>シャカイ</t>
    </rPh>
    <rPh sb="3" eb="5">
      <t>レキシ</t>
    </rPh>
    <rPh sb="6" eb="8">
      <t>ブンカ</t>
    </rPh>
    <rPh sb="9" eb="11">
      <t>コトバ</t>
    </rPh>
    <rPh sb="11" eb="12">
      <t>ナド</t>
    </rPh>
    <rPh sb="13" eb="14">
      <t>カン</t>
    </rPh>
    <rPh sb="16" eb="19">
      <t>ニホンゴ</t>
    </rPh>
    <rPh sb="20" eb="22">
      <t>ブンショウ</t>
    </rPh>
    <rPh sb="25" eb="27">
      <t>テイジ</t>
    </rPh>
    <rPh sb="37" eb="39">
      <t>ブンショウ</t>
    </rPh>
    <rPh sb="39" eb="41">
      <t>リカイ</t>
    </rPh>
    <rPh sb="42" eb="43">
      <t>モト</t>
    </rPh>
    <rPh sb="45" eb="47">
      <t>ロンジュツ</t>
    </rPh>
    <phoneticPr fontId="1"/>
  </si>
  <si>
    <t>保健医療</t>
    <rPh sb="0" eb="2">
      <t>ホケン</t>
    </rPh>
    <rPh sb="2" eb="4">
      <t>イリョウ</t>
    </rPh>
    <phoneticPr fontId="1"/>
  </si>
  <si>
    <t>保健医療</t>
  </si>
  <si>
    <t>臨床工</t>
  </si>
  <si>
    <t>人間、社会、健康、自然科学等に関する課題について、論述することを求める</t>
    <rPh sb="0" eb="2">
      <t>ニンゲン</t>
    </rPh>
    <rPh sb="3" eb="5">
      <t>シャカイ</t>
    </rPh>
    <rPh sb="6" eb="8">
      <t>ケンコウ</t>
    </rPh>
    <rPh sb="9" eb="11">
      <t>シゼン</t>
    </rPh>
    <rPh sb="11" eb="13">
      <t>カガク</t>
    </rPh>
    <rPh sb="13" eb="14">
      <t>ナド</t>
    </rPh>
    <rPh sb="15" eb="16">
      <t>カン</t>
    </rPh>
    <rPh sb="18" eb="20">
      <t>カダイ</t>
    </rPh>
    <rPh sb="25" eb="27">
      <t>ロンジュツ</t>
    </rPh>
    <rPh sb="32" eb="33">
      <t>モト</t>
    </rPh>
    <phoneticPr fontId="1"/>
  </si>
  <si>
    <t>福井</t>
  </si>
  <si>
    <t>国際地域</t>
  </si>
  <si>
    <t>国際・地域社会に関わる諸課題を提示する</t>
    <rPh sb="0" eb="2">
      <t>コクサイ</t>
    </rPh>
    <rPh sb="3" eb="5">
      <t>チイキ</t>
    </rPh>
    <rPh sb="5" eb="7">
      <t>シャカイ</t>
    </rPh>
    <rPh sb="8" eb="9">
      <t>カカ</t>
    </rPh>
    <rPh sb="11" eb="14">
      <t>ショカダイ</t>
    </rPh>
    <rPh sb="15" eb="17">
      <t>テイジ</t>
    </rPh>
    <phoneticPr fontId="1"/>
  </si>
  <si>
    <t>福井</t>
    <rPh sb="0" eb="2">
      <t>フクイ</t>
    </rPh>
    <phoneticPr fontId="1"/>
  </si>
  <si>
    <t>初等教育（実技型音楽）、中等教育（実技型音楽）</t>
  </si>
  <si>
    <t>実技型小論文</t>
    <rPh sb="0" eb="2">
      <t>ジツギ</t>
    </rPh>
    <rPh sb="2" eb="3">
      <t>ガタ</t>
    </rPh>
    <rPh sb="3" eb="6">
      <t>ショウロンブン</t>
    </rPh>
    <phoneticPr fontId="1"/>
  </si>
  <si>
    <t>音楽や音楽の演奏に関わる技術や知識についての課題を提示する</t>
    <rPh sb="0" eb="2">
      <t>オンガク</t>
    </rPh>
    <rPh sb="3" eb="5">
      <t>オンガク</t>
    </rPh>
    <rPh sb="6" eb="8">
      <t>エンソウ</t>
    </rPh>
    <rPh sb="9" eb="10">
      <t>カカ</t>
    </rPh>
    <rPh sb="12" eb="14">
      <t>ギジュツ</t>
    </rPh>
    <rPh sb="15" eb="17">
      <t>チシキ</t>
    </rPh>
    <rPh sb="22" eb="24">
      <t>カダイ</t>
    </rPh>
    <rPh sb="25" eb="27">
      <t>テイジ</t>
    </rPh>
    <phoneticPr fontId="1"/>
  </si>
  <si>
    <t>初等教育（実技型体育）、中等教育（実技型体育）</t>
  </si>
  <si>
    <t>保健体育・スポーツに関する文化、技術、社会に関わる課題を提示する</t>
    <rPh sb="0" eb="4">
      <t>ホケンタイイク</t>
    </rPh>
    <rPh sb="10" eb="11">
      <t>カカ</t>
    </rPh>
    <rPh sb="13" eb="15">
      <t>ブンカ</t>
    </rPh>
    <rPh sb="16" eb="18">
      <t>ギジュツ</t>
    </rPh>
    <rPh sb="19" eb="21">
      <t>シャカイ</t>
    </rPh>
    <rPh sb="22" eb="23">
      <t>カカ</t>
    </rPh>
    <rPh sb="25" eb="27">
      <t>カダイ</t>
    </rPh>
    <rPh sb="28" eb="30">
      <t>テイジ</t>
    </rPh>
    <phoneticPr fontId="1"/>
  </si>
  <si>
    <t>初等教育（統合型）、中等教育（統合型）</t>
    <phoneticPr fontId="1"/>
  </si>
  <si>
    <t>教育、文化、科学・技術、人間の発達に関わる課題を提示する</t>
    <rPh sb="0" eb="2">
      <t>キョウイク</t>
    </rPh>
    <phoneticPr fontId="1"/>
  </si>
  <si>
    <t>和文、英文の両方またはいずれかで課題を出題する</t>
    <rPh sb="0" eb="2">
      <t>ワブン</t>
    </rPh>
    <rPh sb="3" eb="5">
      <t>エイブン</t>
    </rPh>
    <rPh sb="6" eb="8">
      <t>リョウホウ</t>
    </rPh>
    <rPh sb="16" eb="18">
      <t>カダイ</t>
    </rPh>
    <rPh sb="19" eb="21">
      <t>シュツダイ</t>
    </rPh>
    <phoneticPr fontId="1"/>
  </si>
  <si>
    <t>国際・地域の諸課題を提示する</t>
    <rPh sb="10" eb="12">
      <t>テイジ</t>
    </rPh>
    <phoneticPr fontId="1"/>
  </si>
  <si>
    <t>福井県立</t>
    <rPh sb="0" eb="2">
      <t>フクイ</t>
    </rPh>
    <rPh sb="2" eb="4">
      <t>ケンリツ</t>
    </rPh>
    <phoneticPr fontId="1"/>
  </si>
  <si>
    <t>福井県立</t>
  </si>
  <si>
    <t>山梨</t>
    <rPh sb="0" eb="2">
      <t>ヤマナシ</t>
    </rPh>
    <phoneticPr fontId="1"/>
  </si>
  <si>
    <t>生命環境</t>
    <rPh sb="0" eb="2">
      <t>セイメイ</t>
    </rPh>
    <rPh sb="2" eb="4">
      <t>カンキョウ</t>
    </rPh>
    <phoneticPr fontId="1"/>
  </si>
  <si>
    <t>山梨</t>
  </si>
  <si>
    <t>生命環境</t>
  </si>
  <si>
    <t>環境科学</t>
  </si>
  <si>
    <t>自然環境や環境と人間社会との関わりについての記述・論述の問題を出題し、論理的思考力・判断力・表現力・課題の認識力を評価する
１）課題となる文章（英文やデータ資料等を含む場合がある）を提示する。この課題文の内容理解に基づいて、設問の求めるところを考察し、論述させる
２）図・表を含むデータ資料（英文や英語表記を含む場合がある）を提示する。そのデータを分析、または解釈し、特徴や傾向の理解に基づいて、設問の求めに応じた論述や作図をさせる</t>
  </si>
  <si>
    <t>信州</t>
  </si>
  <si>
    <t>共通テストでは計れない読解力、思考力、表現力、想像力等を、高等学校で学習したことを基にして総合的に問う</t>
    <rPh sb="0" eb="2">
      <t>キョウツウ</t>
    </rPh>
    <rPh sb="7" eb="8">
      <t>ハカ</t>
    </rPh>
    <rPh sb="11" eb="13">
      <t>ドッカイ</t>
    </rPh>
    <rPh sb="13" eb="14">
      <t>リョク</t>
    </rPh>
    <rPh sb="15" eb="18">
      <t>シコウリョク</t>
    </rPh>
    <rPh sb="19" eb="22">
      <t>ヒョウゲンリョク</t>
    </rPh>
    <rPh sb="23" eb="26">
      <t>ソウゾウリョク</t>
    </rPh>
    <rPh sb="26" eb="27">
      <t>ナド</t>
    </rPh>
    <rPh sb="29" eb="31">
      <t>コウトウ</t>
    </rPh>
    <rPh sb="31" eb="33">
      <t>ガッコウ</t>
    </rPh>
    <rPh sb="34" eb="36">
      <t>ガクシュウ</t>
    </rPh>
    <rPh sb="41" eb="42">
      <t>モト</t>
    </rPh>
    <rPh sb="45" eb="48">
      <t>ソウゴウテキ</t>
    </rPh>
    <rPh sb="49" eb="50">
      <t>ト</t>
    </rPh>
    <phoneticPr fontId="1"/>
  </si>
  <si>
    <t>学校－社会科教育</t>
  </si>
  <si>
    <t>社会的事象への関心、資料活用能力、論理的思考力等を評価</t>
    <rPh sb="0" eb="2">
      <t>シャカイ</t>
    </rPh>
    <rPh sb="2" eb="3">
      <t>テキ</t>
    </rPh>
    <rPh sb="3" eb="5">
      <t>ジショウ</t>
    </rPh>
    <rPh sb="7" eb="9">
      <t>カンシン</t>
    </rPh>
    <rPh sb="10" eb="12">
      <t>シリョウ</t>
    </rPh>
    <rPh sb="12" eb="14">
      <t>カツヨウ</t>
    </rPh>
    <rPh sb="14" eb="16">
      <t>ノウリョク</t>
    </rPh>
    <rPh sb="17" eb="20">
      <t>ロンリテキ</t>
    </rPh>
    <rPh sb="20" eb="22">
      <t>シコウ</t>
    </rPh>
    <rPh sb="22" eb="23">
      <t>リョク</t>
    </rPh>
    <rPh sb="23" eb="24">
      <t>ナド</t>
    </rPh>
    <rPh sb="25" eb="27">
      <t>ヒョウカ</t>
    </rPh>
    <phoneticPr fontId="1"/>
  </si>
  <si>
    <t>長野県立</t>
    <rPh sb="0" eb="4">
      <t>ナガノケンリツ</t>
    </rPh>
    <phoneticPr fontId="1"/>
  </si>
  <si>
    <t>グローバルマネジメント</t>
  </si>
  <si>
    <t>長野県立</t>
  </si>
  <si>
    <t>グローバルマネジメント（Ｂ方式）</t>
  </si>
  <si>
    <t>現代社会の問題に関する資料を提示する</t>
    <rPh sb="0" eb="2">
      <t>ゲンダイ</t>
    </rPh>
    <rPh sb="2" eb="4">
      <t>シャカイ</t>
    </rPh>
    <rPh sb="5" eb="7">
      <t>モンダイ</t>
    </rPh>
    <rPh sb="8" eb="9">
      <t>カン</t>
    </rPh>
    <rPh sb="11" eb="13">
      <t>シリョウ</t>
    </rPh>
    <rPh sb="14" eb="16">
      <t>テイジ</t>
    </rPh>
    <phoneticPr fontId="1"/>
  </si>
  <si>
    <t>健康発達</t>
    <rPh sb="0" eb="2">
      <t>ケンコウ</t>
    </rPh>
    <rPh sb="2" eb="4">
      <t>ハッタツ</t>
    </rPh>
    <phoneticPr fontId="1"/>
  </si>
  <si>
    <t>健康発達</t>
  </si>
  <si>
    <t>食健康</t>
  </si>
  <si>
    <t>資料に英文を含むことがある</t>
  </si>
  <si>
    <t>静岡</t>
  </si>
  <si>
    <t xml:space="preserve">人文社会科学（昼間）
</t>
    <rPh sb="7" eb="9">
      <t>チュウカン</t>
    </rPh>
    <phoneticPr fontId="1"/>
  </si>
  <si>
    <t xml:space="preserve">人文社会科学（昼間）
</t>
  </si>
  <si>
    <t>法</t>
  </si>
  <si>
    <t>特定の社会現象を記述した資料をもとに問う</t>
    <rPh sb="0" eb="2">
      <t>トクテイ</t>
    </rPh>
    <rPh sb="3" eb="5">
      <t>シャカイ</t>
    </rPh>
    <rPh sb="5" eb="7">
      <t>ゲンショウ</t>
    </rPh>
    <rPh sb="8" eb="10">
      <t>キジュツ</t>
    </rPh>
    <rPh sb="12" eb="14">
      <t>シリョウ</t>
    </rPh>
    <rPh sb="18" eb="19">
      <t>ト</t>
    </rPh>
    <phoneticPr fontId="9"/>
  </si>
  <si>
    <t>行動情報</t>
  </si>
  <si>
    <t>総合</t>
    <rPh sb="0" eb="2">
      <t>ソウゴウ</t>
    </rPh>
    <phoneticPr fontId="1"/>
  </si>
  <si>
    <t>「情報Ⅰ」（情報社会の問題解決、コミュニケーションと情報デザイン、コンピュータとプログラミング、情報通信ネットワークとデータの活用）、「現代の国語」（情報の扱い方に関する事項）、「数学Ⅰ」（データの分析）、「数学Ａ」（場合の数と確率）、「数学Ｂ」（統計的な推測）を中心に、現実的課題に関連したデータ分析に関する問題を出題し、学科の特性にあった総合的な能力を評価する</t>
    <rPh sb="1" eb="3">
      <t>ジョウホウ</t>
    </rPh>
    <rPh sb="6" eb="10">
      <t>ジョウホウシャカイ</t>
    </rPh>
    <rPh sb="11" eb="15">
      <t>モンダイカイケツ</t>
    </rPh>
    <rPh sb="26" eb="28">
      <t>ジョウホウ</t>
    </rPh>
    <rPh sb="48" eb="52">
      <t>ジョウホウツウシン</t>
    </rPh>
    <rPh sb="63" eb="65">
      <t>カツヨウ</t>
    </rPh>
    <rPh sb="68" eb="70">
      <t>ゲンダイ</t>
    </rPh>
    <rPh sb="71" eb="73">
      <t>コクゴ</t>
    </rPh>
    <rPh sb="75" eb="77">
      <t>ジョウホウ</t>
    </rPh>
    <rPh sb="78" eb="79">
      <t>アツカ</t>
    </rPh>
    <rPh sb="80" eb="81">
      <t>カタ</t>
    </rPh>
    <rPh sb="82" eb="83">
      <t>カン</t>
    </rPh>
    <rPh sb="85" eb="87">
      <t>ジコウ</t>
    </rPh>
    <rPh sb="90" eb="92">
      <t>スウガク</t>
    </rPh>
    <rPh sb="99" eb="101">
      <t>ブンセキ</t>
    </rPh>
    <rPh sb="104" eb="106">
      <t>スウガク</t>
    </rPh>
    <rPh sb="109" eb="111">
      <t>バアイ</t>
    </rPh>
    <rPh sb="112" eb="113">
      <t>カズ</t>
    </rPh>
    <rPh sb="114" eb="116">
      <t>カクリツ</t>
    </rPh>
    <rPh sb="119" eb="121">
      <t>スウガク</t>
    </rPh>
    <rPh sb="124" eb="127">
      <t>トウケイテキ</t>
    </rPh>
    <rPh sb="128" eb="130">
      <t>スイソク</t>
    </rPh>
    <rPh sb="132" eb="134">
      <t>チュウシン</t>
    </rPh>
    <rPh sb="136" eb="139">
      <t>ゲンジツテキ</t>
    </rPh>
    <rPh sb="139" eb="141">
      <t>カダイ</t>
    </rPh>
    <rPh sb="142" eb="144">
      <t>カンレン</t>
    </rPh>
    <rPh sb="149" eb="151">
      <t>ブンセキ</t>
    </rPh>
    <rPh sb="152" eb="153">
      <t>カン</t>
    </rPh>
    <rPh sb="155" eb="157">
      <t>モンダイ</t>
    </rPh>
    <rPh sb="158" eb="160">
      <t>シュツダイ</t>
    </rPh>
    <rPh sb="162" eb="164">
      <t>ガッカ</t>
    </rPh>
    <rPh sb="165" eb="167">
      <t>トクセイ</t>
    </rPh>
    <rPh sb="171" eb="174">
      <t>ソウゴウテキ</t>
    </rPh>
    <rPh sb="175" eb="177">
      <t>ノウリョク</t>
    </rPh>
    <rPh sb="178" eb="180">
      <t>ヒョウカ</t>
    </rPh>
    <phoneticPr fontId="1"/>
  </si>
  <si>
    <t>愛知教育</t>
  </si>
  <si>
    <t>義務－学校教育科学、義務－生活･総合</t>
  </si>
  <si>
    <t>論述を基本とし、論理的思考力や表現力、分析力等を総合的にみる</t>
    <rPh sb="13" eb="14">
      <t>リョク</t>
    </rPh>
    <rPh sb="22" eb="23">
      <t>ナド</t>
    </rPh>
    <phoneticPr fontId="1"/>
  </si>
  <si>
    <t>義務－日本語支援</t>
  </si>
  <si>
    <t>日本語および英語で書かれた文章を出題し、内容把握力、思考力、表現力等を総合的にみる</t>
    <rPh sb="0" eb="3">
      <t>ニホンゴ</t>
    </rPh>
    <rPh sb="6" eb="8">
      <t>エイゴ</t>
    </rPh>
    <rPh sb="9" eb="10">
      <t>カ</t>
    </rPh>
    <rPh sb="13" eb="15">
      <t>ブンショウ</t>
    </rPh>
    <rPh sb="16" eb="18">
      <t>シュツダイ</t>
    </rPh>
    <rPh sb="20" eb="22">
      <t>ナイヨウ</t>
    </rPh>
    <rPh sb="22" eb="24">
      <t>ハアク</t>
    </rPh>
    <rPh sb="24" eb="25">
      <t>リョク</t>
    </rPh>
    <rPh sb="26" eb="29">
      <t>シコウリョク</t>
    </rPh>
    <rPh sb="30" eb="33">
      <t>ヒョウゲンリョク</t>
    </rPh>
    <rPh sb="33" eb="34">
      <t>ナド</t>
    </rPh>
    <rPh sb="35" eb="37">
      <t>ソウゴウ</t>
    </rPh>
    <rPh sb="37" eb="38">
      <t>テキ</t>
    </rPh>
    <phoneticPr fontId="1"/>
  </si>
  <si>
    <t>義務－ものづくり･技術</t>
  </si>
  <si>
    <t>技術に関する課題について、論述を基本とし、理解力、分析力、表現力等を総合的にみる</t>
    <rPh sb="32" eb="33">
      <t>ナド</t>
    </rPh>
    <phoneticPr fontId="1"/>
  </si>
  <si>
    <t>義務－家庭</t>
  </si>
  <si>
    <t xml:space="preserve">生活に関する課題について、論述を基本とし、理解力、分析力、表現力等を総合的にみる
</t>
    <rPh sb="3" eb="4">
      <t>カン</t>
    </rPh>
    <rPh sb="32" eb="33">
      <t>ナド</t>
    </rPh>
    <phoneticPr fontId="1"/>
  </si>
  <si>
    <t>健康に関する領域について、論述を基本とし、理解力、判断力、分析力、創造力、表現力等を総合的にみる</t>
    <rPh sb="40" eb="41">
      <t>ナド</t>
    </rPh>
    <phoneticPr fontId="1"/>
  </si>
  <si>
    <t>心理、福祉、教育ガバナンス</t>
  </si>
  <si>
    <t>論述を基本とし、理解力、分析力、表現力等を総合的にみる</t>
    <rPh sb="8" eb="11">
      <t>リカイリョク</t>
    </rPh>
    <rPh sb="12" eb="15">
      <t>ブンセキリョク</t>
    </rPh>
    <rPh sb="16" eb="19">
      <t>ヒョウゲンリョク</t>
    </rPh>
    <rPh sb="19" eb="20">
      <t>ナド</t>
    </rPh>
    <rPh sb="21" eb="24">
      <t>ソウゴウテキ</t>
    </rPh>
    <phoneticPr fontId="1"/>
  </si>
  <si>
    <t>名古屋</t>
  </si>
  <si>
    <t>法律･政治</t>
  </si>
  <si>
    <t>高等学校の地歴、公民の学習を前提とする</t>
  </si>
  <si>
    <t>名古屋市立</t>
  </si>
  <si>
    <t>人文社会</t>
  </si>
  <si>
    <t>国際文化</t>
  </si>
  <si>
    <t>英文資料を用いる</t>
    <rPh sb="0" eb="2">
      <t>エイブン</t>
    </rPh>
    <rPh sb="2" eb="4">
      <t>シリョウ</t>
    </rPh>
    <rPh sb="5" eb="6">
      <t>モチ</t>
    </rPh>
    <phoneticPr fontId="1"/>
  </si>
  <si>
    <t>総合生命理学</t>
    <rPh sb="0" eb="2">
      <t>ソウゴウ</t>
    </rPh>
    <rPh sb="2" eb="4">
      <t>セイメイ</t>
    </rPh>
    <rPh sb="4" eb="6">
      <t>リガク</t>
    </rPh>
    <phoneticPr fontId="1"/>
  </si>
  <si>
    <t>総合生命理学</t>
  </si>
  <si>
    <t>600字</t>
    <rPh sb="3" eb="4">
      <t>ジ</t>
    </rPh>
    <phoneticPr fontId="1"/>
  </si>
  <si>
    <t>科学に関わるテーマを提示する</t>
    <rPh sb="0" eb="2">
      <t>カガク</t>
    </rPh>
    <rPh sb="3" eb="4">
      <t>カカ</t>
    </rPh>
    <rPh sb="10" eb="12">
      <t>テイジ</t>
    </rPh>
    <phoneticPr fontId="1"/>
  </si>
  <si>
    <t>保健－看護学</t>
  </si>
  <si>
    <t>主に人間や社会における事象についての題材を提示し、それに関する設問に答える力（題材の理解力、立論能力、記述力などを含む）や、思考の広がりとその柔軟性を評価する</t>
    <rPh sb="0" eb="1">
      <t>オモ</t>
    </rPh>
    <rPh sb="2" eb="4">
      <t>ニンゲン</t>
    </rPh>
    <rPh sb="5" eb="7">
      <t>シャカイ</t>
    </rPh>
    <rPh sb="11" eb="13">
      <t>ジショウ</t>
    </rPh>
    <rPh sb="18" eb="20">
      <t>ダイザイ</t>
    </rPh>
    <rPh sb="21" eb="23">
      <t>テイジ</t>
    </rPh>
    <rPh sb="28" eb="29">
      <t>カン</t>
    </rPh>
    <rPh sb="31" eb="33">
      <t>セツモン</t>
    </rPh>
    <rPh sb="34" eb="35">
      <t>コタ</t>
    </rPh>
    <rPh sb="37" eb="38">
      <t>チカラ</t>
    </rPh>
    <rPh sb="39" eb="41">
      <t>ダイザイ</t>
    </rPh>
    <rPh sb="42" eb="45">
      <t>リカイリョク</t>
    </rPh>
    <rPh sb="46" eb="50">
      <t>リツロンノウリョク</t>
    </rPh>
    <rPh sb="51" eb="54">
      <t>キジュツリョク</t>
    </rPh>
    <rPh sb="57" eb="58">
      <t>フク</t>
    </rPh>
    <rPh sb="62" eb="64">
      <t>シコウ</t>
    </rPh>
    <rPh sb="65" eb="66">
      <t>ヒロ</t>
    </rPh>
    <rPh sb="71" eb="74">
      <t>ジュウナンセイ</t>
    </rPh>
    <rPh sb="75" eb="77">
      <t>ヒョウカ</t>
    </rPh>
    <phoneticPr fontId="1"/>
  </si>
  <si>
    <t>三重</t>
  </si>
  <si>
    <t>文化</t>
  </si>
  <si>
    <t>1000～1200字</t>
    <rPh sb="9" eb="10">
      <t>ジ</t>
    </rPh>
    <phoneticPr fontId="1"/>
  </si>
  <si>
    <t>法律経済</t>
  </si>
  <si>
    <t>1000～1400字</t>
  </si>
  <si>
    <t>現代の社会に関わる課題について論述させる</t>
  </si>
  <si>
    <t>学校－国語（初）・国語（中）</t>
  </si>
  <si>
    <t>1000～1200字</t>
  </si>
  <si>
    <t>国語・国語教育に関する課題について論述させる</t>
    <rPh sb="0" eb="2">
      <t>コクゴ</t>
    </rPh>
    <rPh sb="3" eb="5">
      <t>コクゴ</t>
    </rPh>
    <rPh sb="5" eb="7">
      <t>キョウイク</t>
    </rPh>
    <rPh sb="11" eb="13">
      <t>カダイ</t>
    </rPh>
    <phoneticPr fontId="1"/>
  </si>
  <si>
    <t>学校－音楽（初）</t>
  </si>
  <si>
    <t>音楽・音楽教育に関する課題について論述させる</t>
    <rPh sb="3" eb="5">
      <t>オンガク</t>
    </rPh>
    <rPh sb="5" eb="7">
      <t>キョウイク</t>
    </rPh>
    <rPh sb="11" eb="13">
      <t>カダイ</t>
    </rPh>
    <phoneticPr fontId="1"/>
  </si>
  <si>
    <t>１問あたり
800～1200字</t>
    <rPh sb="1" eb="2">
      <t>モン</t>
    </rPh>
    <rPh sb="14" eb="15">
      <t>ジ</t>
    </rPh>
    <phoneticPr fontId="1"/>
  </si>
  <si>
    <t>今日的な教育・福祉・医療等に関わる課題を提示して論述させる</t>
    <rPh sb="0" eb="2">
      <t>コンニチ</t>
    </rPh>
    <rPh sb="2" eb="3">
      <t>テキ</t>
    </rPh>
    <rPh sb="4" eb="6">
      <t>キョウイク</t>
    </rPh>
    <rPh sb="7" eb="9">
      <t>フクシ</t>
    </rPh>
    <rPh sb="10" eb="12">
      <t>イリョウ</t>
    </rPh>
    <rPh sb="12" eb="13">
      <t>ナド</t>
    </rPh>
    <rPh sb="14" eb="15">
      <t>カカ</t>
    </rPh>
    <rPh sb="17" eb="19">
      <t>カダイ</t>
    </rPh>
    <rPh sb="20" eb="22">
      <t>テイジ</t>
    </rPh>
    <rPh sb="24" eb="26">
      <t>ロンジュツ</t>
    </rPh>
    <phoneticPr fontId="1"/>
  </si>
  <si>
    <t>情報工学</t>
  </si>
  <si>
    <t>情報処理関連技術における社会的課題について論述させる</t>
    <rPh sb="0" eb="4">
      <t>ジョウホウショリ</t>
    </rPh>
    <rPh sb="4" eb="8">
      <t>カンレンギジュツ</t>
    </rPh>
    <rPh sb="12" eb="17">
      <t>シャカイテキカダイ</t>
    </rPh>
    <rPh sb="21" eb="23">
      <t>ロンジュツ</t>
    </rPh>
    <phoneticPr fontId="1"/>
  </si>
  <si>
    <t>人間、健康、医療、生命科学、時事問題等に関わる課題を提示して論述させる。なお、英語の理解力を必要とするものを含む</t>
    <rPh sb="0" eb="2">
      <t>ニンゲン</t>
    </rPh>
    <rPh sb="3" eb="5">
      <t>ケンコウ</t>
    </rPh>
    <rPh sb="6" eb="8">
      <t>イリョウ</t>
    </rPh>
    <rPh sb="9" eb="11">
      <t>セイメイ</t>
    </rPh>
    <rPh sb="11" eb="13">
      <t>カガク</t>
    </rPh>
    <rPh sb="14" eb="16">
      <t>ジジ</t>
    </rPh>
    <rPh sb="16" eb="18">
      <t>モンダイ</t>
    </rPh>
    <rPh sb="18" eb="19">
      <t>ナド</t>
    </rPh>
    <rPh sb="20" eb="21">
      <t>カカ</t>
    </rPh>
    <rPh sb="23" eb="25">
      <t>カダイ</t>
    </rPh>
    <rPh sb="26" eb="28">
      <t>テイジ</t>
    </rPh>
    <rPh sb="30" eb="32">
      <t>ロンジュツ</t>
    </rPh>
    <rPh sb="39" eb="41">
      <t>エイゴ</t>
    </rPh>
    <rPh sb="42" eb="45">
      <t>リカイリョク</t>
    </rPh>
    <rPh sb="46" eb="48">
      <t>ヒツヨウ</t>
    </rPh>
    <rPh sb="54" eb="55">
      <t>フク</t>
    </rPh>
    <phoneticPr fontId="1"/>
  </si>
  <si>
    <t>人間、環境、健康等に関わる課題を提示して論述させる。なお、英語の理解力を必要とするものを含む</t>
    <rPh sb="8" eb="9">
      <t>ナド</t>
    </rPh>
    <phoneticPr fontId="1"/>
  </si>
  <si>
    <t>滋賀医科</t>
  </si>
  <si>
    <t>資料に英文を含む</t>
  </si>
  <si>
    <t>京都教育</t>
  </si>
  <si>
    <t>学校－教育学</t>
  </si>
  <si>
    <t>子どもの教育や発達に関する文献や資料を提示する</t>
    <rPh sb="0" eb="1">
      <t>コ</t>
    </rPh>
    <rPh sb="4" eb="6">
      <t>キョウイク</t>
    </rPh>
    <rPh sb="7" eb="9">
      <t>ハッタツ</t>
    </rPh>
    <rPh sb="10" eb="11">
      <t>カン</t>
    </rPh>
    <rPh sb="13" eb="15">
      <t>ブンケン</t>
    </rPh>
    <rPh sb="16" eb="18">
      <t>シリョウ</t>
    </rPh>
    <rPh sb="19" eb="21">
      <t>テイジ</t>
    </rPh>
    <phoneticPr fontId="1"/>
  </si>
  <si>
    <t>人文科学、社会科学や、現代の教育に関する課題または資料を提示する</t>
    <rPh sb="0" eb="2">
      <t>ジンブン</t>
    </rPh>
    <rPh sb="2" eb="4">
      <t>カガク</t>
    </rPh>
    <rPh sb="5" eb="7">
      <t>シャカイ</t>
    </rPh>
    <rPh sb="7" eb="9">
      <t>カガク</t>
    </rPh>
    <rPh sb="11" eb="13">
      <t>ゲンダイ</t>
    </rPh>
    <rPh sb="14" eb="16">
      <t>キョウイク</t>
    </rPh>
    <rPh sb="17" eb="18">
      <t>カン</t>
    </rPh>
    <rPh sb="20" eb="22">
      <t>カダイ</t>
    </rPh>
    <rPh sb="25" eb="27">
      <t>シリョウ</t>
    </rPh>
    <rPh sb="28" eb="30">
      <t>テイジ</t>
    </rPh>
    <phoneticPr fontId="1"/>
  </si>
  <si>
    <t>学校－英語</t>
  </si>
  <si>
    <t>言語、文化、現代社会等に関する英語で書かれた文献を提示し、その内容について日本語で論述させる</t>
    <rPh sb="0" eb="2">
      <t>ゲンゴ</t>
    </rPh>
    <rPh sb="3" eb="5">
      <t>ブンカ</t>
    </rPh>
    <rPh sb="6" eb="8">
      <t>ゲンダイ</t>
    </rPh>
    <rPh sb="8" eb="10">
      <t>シャカイ</t>
    </rPh>
    <rPh sb="10" eb="11">
      <t>ナド</t>
    </rPh>
    <rPh sb="12" eb="13">
      <t>カン</t>
    </rPh>
    <rPh sb="15" eb="17">
      <t>エイゴ</t>
    </rPh>
    <rPh sb="18" eb="19">
      <t>カ</t>
    </rPh>
    <rPh sb="22" eb="24">
      <t>ブンケン</t>
    </rPh>
    <rPh sb="25" eb="27">
      <t>テイジ</t>
    </rPh>
    <rPh sb="31" eb="33">
      <t>ナイヨウ</t>
    </rPh>
    <rPh sb="37" eb="40">
      <t>ニホンゴ</t>
    </rPh>
    <rPh sb="41" eb="43">
      <t>ロンジュツ</t>
    </rPh>
    <phoneticPr fontId="1"/>
  </si>
  <si>
    <t>学校－数学</t>
  </si>
  <si>
    <t>後</t>
    <rPh sb="0" eb="1">
      <t>ゴ</t>
    </rPh>
    <phoneticPr fontId="1"/>
  </si>
  <si>
    <t>数学、教育に関連する資料や文章を提示し、それに関連した論述をさせる。数学に関する事柄に対する説明能力等を問う設問を含む</t>
    <rPh sb="0" eb="2">
      <t>スウガク</t>
    </rPh>
    <rPh sb="3" eb="5">
      <t>キョウイク</t>
    </rPh>
    <rPh sb="6" eb="8">
      <t>カンレン</t>
    </rPh>
    <rPh sb="10" eb="12">
      <t>シリョウ</t>
    </rPh>
    <rPh sb="13" eb="15">
      <t>ブンショウ</t>
    </rPh>
    <rPh sb="16" eb="18">
      <t>テイジ</t>
    </rPh>
    <rPh sb="23" eb="25">
      <t>カンレン</t>
    </rPh>
    <rPh sb="27" eb="29">
      <t>ロンジュツ</t>
    </rPh>
    <rPh sb="34" eb="36">
      <t>スウガク</t>
    </rPh>
    <rPh sb="37" eb="38">
      <t>カン</t>
    </rPh>
    <rPh sb="40" eb="42">
      <t>コトガラ</t>
    </rPh>
    <rPh sb="43" eb="44">
      <t>タイ</t>
    </rPh>
    <rPh sb="46" eb="48">
      <t>セツメイ</t>
    </rPh>
    <rPh sb="48" eb="50">
      <t>ノウリョク</t>
    </rPh>
    <rPh sb="50" eb="51">
      <t>ナド</t>
    </rPh>
    <rPh sb="52" eb="53">
      <t>ト</t>
    </rPh>
    <rPh sb="54" eb="56">
      <t>セツモン</t>
    </rPh>
    <rPh sb="57" eb="58">
      <t>フク</t>
    </rPh>
    <phoneticPr fontId="1"/>
  </si>
  <si>
    <t>学校－理科</t>
  </si>
  <si>
    <t>自然科学や、理科の教育に関する課題または資料を提示する</t>
    <rPh sb="0" eb="2">
      <t>シゼン</t>
    </rPh>
    <rPh sb="2" eb="4">
      <t>カガク</t>
    </rPh>
    <rPh sb="6" eb="8">
      <t>リカ</t>
    </rPh>
    <rPh sb="9" eb="11">
      <t>キョウイク</t>
    </rPh>
    <rPh sb="12" eb="13">
      <t>カン</t>
    </rPh>
    <rPh sb="15" eb="17">
      <t>カダイ</t>
    </rPh>
    <rPh sb="20" eb="22">
      <t>シリョウ</t>
    </rPh>
    <rPh sb="23" eb="25">
      <t>テイジ</t>
    </rPh>
    <phoneticPr fontId="1"/>
  </si>
  <si>
    <t>学校－体育</t>
  </si>
  <si>
    <t>保健体育に関する資料または課題を提示する</t>
    <rPh sb="0" eb="2">
      <t>ホケン</t>
    </rPh>
    <rPh sb="2" eb="4">
      <t>タイイク</t>
    </rPh>
    <rPh sb="5" eb="6">
      <t>カン</t>
    </rPh>
    <rPh sb="8" eb="10">
      <t>シリョウ</t>
    </rPh>
    <rPh sb="13" eb="15">
      <t>カダイ</t>
    </rPh>
    <rPh sb="16" eb="18">
      <t>テイジ</t>
    </rPh>
    <phoneticPr fontId="1"/>
  </si>
  <si>
    <t>保健体育の体育理論および保健に関する内容について論述させる</t>
    <rPh sb="0" eb="2">
      <t>ホケン</t>
    </rPh>
    <rPh sb="2" eb="4">
      <t>タイイク</t>
    </rPh>
    <rPh sb="5" eb="7">
      <t>タイイク</t>
    </rPh>
    <rPh sb="7" eb="9">
      <t>リロン</t>
    </rPh>
    <rPh sb="12" eb="14">
      <t>ホケン</t>
    </rPh>
    <rPh sb="15" eb="16">
      <t>カン</t>
    </rPh>
    <rPh sb="18" eb="20">
      <t>ナイヨウ</t>
    </rPh>
    <rPh sb="24" eb="26">
      <t>ロンジュツ</t>
    </rPh>
    <phoneticPr fontId="1"/>
  </si>
  <si>
    <t>京都工芸繊維</t>
  </si>
  <si>
    <t>工芸科学</t>
  </si>
  <si>
    <t>デザイン･建築学</t>
  </si>
  <si>
    <t>提示されたデザイン・建築・ビジネス・テクノロジーに関する課題に対して、創造力、構成力、描画力およびそれらの総合力、並びに自分の考えをまとめる能力を評価する</t>
    <rPh sb="0" eb="2">
      <t>テイジ</t>
    </rPh>
    <rPh sb="10" eb="12">
      <t>ケンチク</t>
    </rPh>
    <rPh sb="25" eb="26">
      <t>カン</t>
    </rPh>
    <rPh sb="28" eb="30">
      <t>カダイ</t>
    </rPh>
    <rPh sb="31" eb="32">
      <t>タイ</t>
    </rPh>
    <rPh sb="35" eb="38">
      <t>ソウゾウリョク</t>
    </rPh>
    <rPh sb="39" eb="42">
      <t>コウセイリョク</t>
    </rPh>
    <rPh sb="43" eb="45">
      <t>ビョウガ</t>
    </rPh>
    <rPh sb="45" eb="46">
      <t>リョク</t>
    </rPh>
    <rPh sb="53" eb="56">
      <t>ソウゴウリョク</t>
    </rPh>
    <rPh sb="57" eb="58">
      <t>ナラ</t>
    </rPh>
    <rPh sb="60" eb="62">
      <t>ジブン</t>
    </rPh>
    <rPh sb="63" eb="64">
      <t>カンガ</t>
    </rPh>
    <rPh sb="70" eb="72">
      <t>ノウリョク</t>
    </rPh>
    <rPh sb="73" eb="75">
      <t>ヒョウカ</t>
    </rPh>
    <phoneticPr fontId="1"/>
  </si>
  <si>
    <t>京都市立芸術</t>
    <rPh sb="0" eb="2">
      <t>キョウト</t>
    </rPh>
    <rPh sb="2" eb="4">
      <t>シリツ</t>
    </rPh>
    <rPh sb="4" eb="6">
      <t>ゲイジュツ</t>
    </rPh>
    <phoneticPr fontId="1"/>
  </si>
  <si>
    <t>京都市立芸術</t>
  </si>
  <si>
    <t>音楽学</t>
  </si>
  <si>
    <t>2000字</t>
    <rPh sb="4" eb="5">
      <t>ジ</t>
    </rPh>
    <phoneticPr fontId="1"/>
  </si>
  <si>
    <t>与えられた課題に関する研究レポート</t>
    <rPh sb="0" eb="1">
      <t>アタ</t>
    </rPh>
    <rPh sb="5" eb="7">
      <t>カダイ</t>
    </rPh>
    <rPh sb="8" eb="9">
      <t>カン</t>
    </rPh>
    <rPh sb="11" eb="13">
      <t>ケンキュウ</t>
    </rPh>
    <phoneticPr fontId="1"/>
  </si>
  <si>
    <t>京都府立医科</t>
  </si>
  <si>
    <t>資料に基づいて論述させ、基礎的学力および読解力、思考力、表現力を評価する</t>
    <rPh sb="0" eb="2">
      <t>シリョウ</t>
    </rPh>
    <rPh sb="3" eb="4">
      <t>モト</t>
    </rPh>
    <rPh sb="7" eb="9">
      <t>ロンジュツ</t>
    </rPh>
    <rPh sb="12" eb="14">
      <t>キソ</t>
    </rPh>
    <rPh sb="14" eb="15">
      <t>テキ</t>
    </rPh>
    <rPh sb="15" eb="17">
      <t>ガクリョク</t>
    </rPh>
    <rPh sb="20" eb="23">
      <t>ドッカイリョク</t>
    </rPh>
    <rPh sb="24" eb="27">
      <t>シコウリョク</t>
    </rPh>
    <rPh sb="28" eb="31">
      <t>ヒョウゲンリョク</t>
    </rPh>
    <rPh sb="32" eb="34">
      <t>ヒョウカ</t>
    </rPh>
    <phoneticPr fontId="5"/>
  </si>
  <si>
    <t>福知山公立</t>
    <rPh sb="0" eb="3">
      <t>フクチヤマ</t>
    </rPh>
    <rPh sb="3" eb="5">
      <t>コウリツ</t>
    </rPh>
    <phoneticPr fontId="1"/>
  </si>
  <si>
    <t>地域経営</t>
    <rPh sb="0" eb="2">
      <t>チイキ</t>
    </rPh>
    <rPh sb="2" eb="4">
      <t>ケイエイ</t>
    </rPh>
    <phoneticPr fontId="1"/>
  </si>
  <si>
    <t>福知山公立</t>
  </si>
  <si>
    <t>地域経営</t>
  </si>
  <si>
    <t>現代社会の課題についての資料（文章（英文を含む）や図表等）を基にした出題</t>
    <rPh sb="0" eb="2">
      <t>ゲンダイ</t>
    </rPh>
    <rPh sb="2" eb="4">
      <t>シャカイ</t>
    </rPh>
    <rPh sb="5" eb="7">
      <t>カダイ</t>
    </rPh>
    <rPh sb="12" eb="14">
      <t>シリョウ</t>
    </rPh>
    <rPh sb="15" eb="17">
      <t>ブンショウ</t>
    </rPh>
    <rPh sb="18" eb="20">
      <t>エイブン</t>
    </rPh>
    <rPh sb="21" eb="22">
      <t>フク</t>
    </rPh>
    <rPh sb="25" eb="27">
      <t>ズヒョウ</t>
    </rPh>
    <rPh sb="27" eb="28">
      <t>ナド</t>
    </rPh>
    <rPh sb="30" eb="31">
      <t>モト</t>
    </rPh>
    <rPh sb="34" eb="36">
      <t>シュツダイ</t>
    </rPh>
    <phoneticPr fontId="1"/>
  </si>
  <si>
    <t>社会と情報技術の関係に関する出題</t>
    <rPh sb="0" eb="2">
      <t>シャカイ</t>
    </rPh>
    <rPh sb="3" eb="7">
      <t>ジョウホウギジュツ</t>
    </rPh>
    <rPh sb="8" eb="10">
      <t>カンケイ</t>
    </rPh>
    <rPh sb="11" eb="12">
      <t>カン</t>
    </rPh>
    <rPh sb="14" eb="16">
      <t>シュツダイ</t>
    </rPh>
    <phoneticPr fontId="1"/>
  </si>
  <si>
    <t>大阪教育</t>
  </si>
  <si>
    <t>次世代－ＩＣＴ教育</t>
  </si>
  <si>
    <t>情報技術やＩＣＴ教育に関する課題に対する理解力・洞察力・表現力をみる</t>
  </si>
  <si>
    <t>教科－国語教育</t>
  </si>
  <si>
    <t>国語（現代文・古文・漢文・国語表現）に関する理解力・表現力を測る</t>
    <rPh sb="0" eb="2">
      <t>コクゴ</t>
    </rPh>
    <rPh sb="3" eb="5">
      <t>ゲンダイ</t>
    </rPh>
    <rPh sb="5" eb="6">
      <t>ブン</t>
    </rPh>
    <rPh sb="7" eb="9">
      <t>コブン</t>
    </rPh>
    <rPh sb="10" eb="12">
      <t>カンブン</t>
    </rPh>
    <rPh sb="13" eb="15">
      <t>コクゴ</t>
    </rPh>
    <rPh sb="15" eb="17">
      <t>ヒョウゲン</t>
    </rPh>
    <rPh sb="19" eb="20">
      <t>カン</t>
    </rPh>
    <rPh sb="22" eb="25">
      <t>リカイリョク</t>
    </rPh>
    <rPh sb="26" eb="28">
      <t>ヒョウゲン</t>
    </rPh>
    <rPh sb="28" eb="29">
      <t>リョク</t>
    </rPh>
    <rPh sb="30" eb="31">
      <t>ハカ</t>
    </rPh>
    <phoneticPr fontId="1"/>
  </si>
  <si>
    <t>教科－社会科教育</t>
  </si>
  <si>
    <t>社会科教育に関わる広範な視野に立つ複数の課題を提示する</t>
    <rPh sb="0" eb="3">
      <t>シャカイカ</t>
    </rPh>
    <rPh sb="3" eb="5">
      <t>キョウイク</t>
    </rPh>
    <rPh sb="23" eb="25">
      <t>テイジ</t>
    </rPh>
    <phoneticPr fontId="1"/>
  </si>
  <si>
    <t>教科－技術教育</t>
  </si>
  <si>
    <t>理科（物理基礎・物理の範囲）の学力を必要とする課題から出題する</t>
    <rPh sb="0" eb="2">
      <t>リカ</t>
    </rPh>
    <rPh sb="3" eb="5">
      <t>ブツリ</t>
    </rPh>
    <rPh sb="5" eb="7">
      <t>キソ</t>
    </rPh>
    <rPh sb="8" eb="10">
      <t>ブツリ</t>
    </rPh>
    <rPh sb="11" eb="13">
      <t>ハンイ</t>
    </rPh>
    <rPh sb="15" eb="17">
      <t>ガクリョク</t>
    </rPh>
    <rPh sb="18" eb="20">
      <t>ヒツヨウ</t>
    </rPh>
    <rPh sb="23" eb="25">
      <t>カダイ</t>
    </rPh>
    <rPh sb="27" eb="29">
      <t>シュツダイ</t>
    </rPh>
    <phoneticPr fontId="1"/>
  </si>
  <si>
    <t>教科－家政教育</t>
  </si>
  <si>
    <t>生活に関する広範な視野に立つ複数の課題から出題する</t>
    <rPh sb="21" eb="23">
      <t>シュツダイ</t>
    </rPh>
    <phoneticPr fontId="1"/>
  </si>
  <si>
    <t>イノ－環境安全科学</t>
  </si>
  <si>
    <t>自然科学や生活科学、安全科学に関する資料から出題する</t>
    <rPh sb="5" eb="9">
      <t>セイカツカガク</t>
    </rPh>
    <rPh sb="10" eb="14">
      <t>アンゼンカガク</t>
    </rPh>
    <rPh sb="15" eb="16">
      <t>カン</t>
    </rPh>
    <rPh sb="18" eb="20">
      <t>シリョウ</t>
    </rPh>
    <rPh sb="22" eb="24">
      <t>シュツダイ</t>
    </rPh>
    <phoneticPr fontId="3"/>
  </si>
  <si>
    <t>コミ－心理科学</t>
  </si>
  <si>
    <t>人間と社会に関連する資料や論文から出題する</t>
    <rPh sb="0" eb="2">
      <t>ニンゲン</t>
    </rPh>
    <rPh sb="3" eb="5">
      <t>シャカイ</t>
    </rPh>
    <rPh sb="6" eb="8">
      <t>カンレン</t>
    </rPh>
    <rPh sb="10" eb="12">
      <t>シリョウ</t>
    </rPh>
    <rPh sb="13" eb="15">
      <t>ロンブン</t>
    </rPh>
    <rPh sb="17" eb="19">
      <t>シュツダイ</t>
    </rPh>
    <phoneticPr fontId="1"/>
  </si>
  <si>
    <t>グロ－日本語教育</t>
  </si>
  <si>
    <t>日本の社会・文化・教育やグローバル化する世界と地域に関する知識や理解力を問う</t>
    <rPh sb="0" eb="2">
      <t>ニホン</t>
    </rPh>
    <rPh sb="3" eb="5">
      <t>シャカイ</t>
    </rPh>
    <rPh sb="6" eb="8">
      <t>ブンカ</t>
    </rPh>
    <rPh sb="9" eb="11">
      <t>キョウイク</t>
    </rPh>
    <rPh sb="17" eb="18">
      <t>カ</t>
    </rPh>
    <rPh sb="20" eb="22">
      <t>セカイ</t>
    </rPh>
    <rPh sb="23" eb="25">
      <t>チイキ</t>
    </rPh>
    <rPh sb="26" eb="27">
      <t>カン</t>
    </rPh>
    <rPh sb="29" eb="31">
      <t>チシキ</t>
    </rPh>
    <rPh sb="32" eb="35">
      <t>リカイリョク</t>
    </rPh>
    <rPh sb="36" eb="37">
      <t>ト</t>
    </rPh>
    <phoneticPr fontId="1"/>
  </si>
  <si>
    <t>大阪公立</t>
    <rPh sb="0" eb="2">
      <t>オオサカ</t>
    </rPh>
    <rPh sb="2" eb="4">
      <t>コウリツ</t>
    </rPh>
    <phoneticPr fontId="1"/>
  </si>
  <si>
    <t>大阪公立</t>
  </si>
  <si>
    <t>応用生物科学、生命機能化学</t>
  </si>
  <si>
    <t>日本語あるいは英語の文章による出題</t>
    <rPh sb="0" eb="3">
      <t>ニホンゴ</t>
    </rPh>
    <rPh sb="7" eb="9">
      <t>エイゴ</t>
    </rPh>
    <rPh sb="10" eb="12">
      <t>ブンショウ</t>
    </rPh>
    <rPh sb="15" eb="17">
      <t>シュツダイ</t>
    </rPh>
    <phoneticPr fontId="1"/>
  </si>
  <si>
    <t>芸術文化観光専門職</t>
    <rPh sb="0" eb="9">
      <t>ゲイジュツブンカカンコウセンモンショク</t>
    </rPh>
    <phoneticPr fontId="1"/>
  </si>
  <si>
    <t>芸術文化・観光</t>
    <rPh sb="0" eb="4">
      <t>ゲイジュツブンカ</t>
    </rPh>
    <rPh sb="5" eb="7">
      <t>カンコウ</t>
    </rPh>
    <phoneticPr fontId="1"/>
  </si>
  <si>
    <t>芸術文化観光専門職</t>
  </si>
  <si>
    <t>芸術文化・観光</t>
  </si>
  <si>
    <t>別</t>
    <rPh sb="0" eb="1">
      <t>ベツ</t>
    </rPh>
    <phoneticPr fontId="1"/>
  </si>
  <si>
    <t>社会全体に関する関心や知識・教養を問う</t>
    <rPh sb="0" eb="4">
      <t>シャカイゼンタイ</t>
    </rPh>
    <rPh sb="5" eb="6">
      <t>カン</t>
    </rPh>
    <rPh sb="8" eb="10">
      <t>カンシン</t>
    </rPh>
    <rPh sb="11" eb="13">
      <t>チシキ</t>
    </rPh>
    <rPh sb="14" eb="16">
      <t>キョウヨウ</t>
    </rPh>
    <rPh sb="17" eb="18">
      <t>ト</t>
    </rPh>
    <phoneticPr fontId="1"/>
  </si>
  <si>
    <t>神戸</t>
  </si>
  <si>
    <t>高等学校（中等教育学校の後期課程を含む）における理科（主として物理）の問題を与えて、論述または他の形式で解答させる</t>
  </si>
  <si>
    <t>兵庫教育</t>
  </si>
  <si>
    <t>学校教育教員養成</t>
  </si>
  <si>
    <t>次に示す２種類の小論文を課す
小論文Ａ：主として文章を理解し、その内容について論述する
小論文Ｂ：主として資料、図、表等を理解し、その内容について論述する</t>
    <rPh sb="27" eb="29">
      <t>リカイ</t>
    </rPh>
    <rPh sb="53" eb="55">
      <t>シリョウ</t>
    </rPh>
    <rPh sb="59" eb="60">
      <t>ナド</t>
    </rPh>
    <phoneticPr fontId="1"/>
  </si>
  <si>
    <t>兵庫県立</t>
  </si>
  <si>
    <t>日本文資料の読解を含む</t>
  </si>
  <si>
    <t>環境人間</t>
  </si>
  <si>
    <t>環境人間、環境－食環境栄養</t>
  </si>
  <si>
    <t>英語、数学（数Ⅰ、数Ａ）、国語(古典「古文」「漢文」は除く）に関連する分野から、共通テストに準ずる範囲で出題する</t>
    <rPh sb="0" eb="2">
      <t>エイゴ</t>
    </rPh>
    <rPh sb="3" eb="5">
      <t>スウガク</t>
    </rPh>
    <rPh sb="6" eb="7">
      <t>スウ</t>
    </rPh>
    <rPh sb="9" eb="10">
      <t>カズ</t>
    </rPh>
    <rPh sb="13" eb="15">
      <t>コクゴ</t>
    </rPh>
    <rPh sb="16" eb="18">
      <t>コテン</t>
    </rPh>
    <rPh sb="19" eb="21">
      <t>コブン</t>
    </rPh>
    <rPh sb="23" eb="25">
      <t>カンブン</t>
    </rPh>
    <rPh sb="27" eb="28">
      <t>ノゾ</t>
    </rPh>
    <rPh sb="31" eb="33">
      <t>カンレン</t>
    </rPh>
    <rPh sb="35" eb="37">
      <t>ブンヤ</t>
    </rPh>
    <rPh sb="40" eb="42">
      <t>キョウツウ</t>
    </rPh>
    <rPh sb="49" eb="51">
      <t>ハンイ</t>
    </rPh>
    <rPh sb="52" eb="54">
      <t>シュツダイ</t>
    </rPh>
    <phoneticPr fontId="5"/>
  </si>
  <si>
    <t>奈良教育</t>
  </si>
  <si>
    <t>教育発達</t>
  </si>
  <si>
    <t>教育と発達に関する諸問題について</t>
    <rPh sb="9" eb="12">
      <t>ショモンダイ</t>
    </rPh>
    <phoneticPr fontId="1"/>
  </si>
  <si>
    <t>教育－教育学・心理学・特別支援教育</t>
  </si>
  <si>
    <t>教科－社会科（初）・社会科（中）</t>
  </si>
  <si>
    <t>人文、社会等の分野から選んだテーマに即して論述解答させる</t>
    <rPh sb="0" eb="2">
      <t>ジンブン</t>
    </rPh>
    <rPh sb="3" eb="5">
      <t>シャカイ</t>
    </rPh>
    <rPh sb="5" eb="6">
      <t>ナド</t>
    </rPh>
    <rPh sb="7" eb="9">
      <t>ブンヤ</t>
    </rPh>
    <rPh sb="11" eb="12">
      <t>エラ</t>
    </rPh>
    <rPh sb="18" eb="19">
      <t>ソク</t>
    </rPh>
    <rPh sb="21" eb="23">
      <t>ロンジュツ</t>
    </rPh>
    <rPh sb="23" eb="25">
      <t>カイトウ</t>
    </rPh>
    <phoneticPr fontId="1"/>
  </si>
  <si>
    <t>教科－音楽</t>
  </si>
  <si>
    <t>音楽教育や音楽芸術分野に関する諸問題について</t>
    <rPh sb="0" eb="4">
      <t>オンガクキョウイク</t>
    </rPh>
    <rPh sb="5" eb="9">
      <t>オンガクゲイジュツ</t>
    </rPh>
    <rPh sb="9" eb="11">
      <t>ブンヤ</t>
    </rPh>
    <rPh sb="12" eb="13">
      <t>カン</t>
    </rPh>
    <rPh sb="15" eb="18">
      <t>ショモンダイ</t>
    </rPh>
    <phoneticPr fontId="1"/>
  </si>
  <si>
    <t>教科－美術</t>
  </si>
  <si>
    <t>図画工作・美術と教育に関する知識や諸問題について</t>
    <rPh sb="0" eb="4">
      <t>ズガコウサク</t>
    </rPh>
    <rPh sb="5" eb="7">
      <t>ビジュツ</t>
    </rPh>
    <rPh sb="8" eb="10">
      <t>キョウイク</t>
    </rPh>
    <rPh sb="11" eb="12">
      <t>カン</t>
    </rPh>
    <rPh sb="14" eb="16">
      <t>チシキ</t>
    </rPh>
    <rPh sb="17" eb="20">
      <t>ショモンダイ</t>
    </rPh>
    <phoneticPr fontId="1"/>
  </si>
  <si>
    <t>教科－保健体育（初）・保健体育（中）</t>
  </si>
  <si>
    <t>現代社会における保健体育、健康、スポーツに関する諸問題について</t>
    <rPh sb="0" eb="4">
      <t>ゲンダイシャカイ</t>
    </rPh>
    <rPh sb="8" eb="12">
      <t>ホケンタイイク</t>
    </rPh>
    <rPh sb="13" eb="15">
      <t>ケンコウ</t>
    </rPh>
    <rPh sb="21" eb="22">
      <t>カン</t>
    </rPh>
    <rPh sb="24" eb="27">
      <t>ショモンダイ</t>
    </rPh>
    <phoneticPr fontId="1"/>
  </si>
  <si>
    <t>奈良教育</t>
    <rPh sb="0" eb="2">
      <t>ナラ</t>
    </rPh>
    <rPh sb="2" eb="4">
      <t>キョウイク</t>
    </rPh>
    <phoneticPr fontId="1"/>
  </si>
  <si>
    <t>伝統－書道</t>
  </si>
  <si>
    <t>書道に関する基礎知識(中国および日本の書道史の概略、代表的な古典名、筆者名、内容、用語等)と、現代社会における伝統文化の役割や意義、教育的課題等について。記述式解答をもとに硬筆書写力をみる</t>
    <rPh sb="0" eb="2">
      <t>ショドウ</t>
    </rPh>
    <rPh sb="3" eb="4">
      <t>カン</t>
    </rPh>
    <rPh sb="6" eb="10">
      <t>キソチシキ</t>
    </rPh>
    <rPh sb="11" eb="13">
      <t>チュウゴク</t>
    </rPh>
    <rPh sb="16" eb="18">
      <t>ニホン</t>
    </rPh>
    <rPh sb="19" eb="22">
      <t>ショドウシ</t>
    </rPh>
    <rPh sb="23" eb="25">
      <t>ガイリャク</t>
    </rPh>
    <rPh sb="26" eb="29">
      <t>ダイヒョウテキ</t>
    </rPh>
    <rPh sb="30" eb="32">
      <t>コテン</t>
    </rPh>
    <rPh sb="32" eb="33">
      <t>メイ</t>
    </rPh>
    <rPh sb="34" eb="37">
      <t>ヒッシャメイ</t>
    </rPh>
    <rPh sb="38" eb="40">
      <t>ナイヨウ</t>
    </rPh>
    <rPh sb="41" eb="43">
      <t>ヨウゴ</t>
    </rPh>
    <rPh sb="43" eb="44">
      <t>ナド</t>
    </rPh>
    <rPh sb="47" eb="51">
      <t>ゲンダイシャカイ</t>
    </rPh>
    <rPh sb="55" eb="59">
      <t>デントウブンカ</t>
    </rPh>
    <rPh sb="60" eb="62">
      <t>ヤクワリ</t>
    </rPh>
    <rPh sb="63" eb="65">
      <t>イギ</t>
    </rPh>
    <rPh sb="66" eb="68">
      <t>キョウイク</t>
    </rPh>
    <rPh sb="68" eb="69">
      <t>テキ</t>
    </rPh>
    <rPh sb="69" eb="71">
      <t>カダイ</t>
    </rPh>
    <rPh sb="71" eb="72">
      <t>ナド</t>
    </rPh>
    <rPh sb="77" eb="79">
      <t>キジュツ</t>
    </rPh>
    <rPh sb="79" eb="80">
      <t>シキ</t>
    </rPh>
    <rPh sb="80" eb="82">
      <t>カイトウ</t>
    </rPh>
    <rPh sb="86" eb="88">
      <t>コウヒツ</t>
    </rPh>
    <rPh sb="88" eb="90">
      <t>ショシャ</t>
    </rPh>
    <rPh sb="90" eb="91">
      <t>リョク</t>
    </rPh>
    <phoneticPr fontId="1"/>
  </si>
  <si>
    <t>伝統－文化遺産</t>
  </si>
  <si>
    <t xml:space="preserve">文化遺産とその教育への活用方法に対する考え方を総合的にみる。中学校美術免許取得希望者に対しては、与えられたモチーフの形体、材質感等を的確に捉えて抽出できたか、また構成は良いか等に関する造形表現力をみる。中学校理科免許取得希望者に対しては、文化遺産に関連する自然科学の理解と認識をみる
</t>
    <rPh sb="0" eb="2">
      <t>ブンカ</t>
    </rPh>
    <rPh sb="2" eb="4">
      <t>イサン</t>
    </rPh>
    <rPh sb="7" eb="9">
      <t>キョウイク</t>
    </rPh>
    <rPh sb="11" eb="13">
      <t>カツヨウ</t>
    </rPh>
    <rPh sb="13" eb="15">
      <t>ホウホウ</t>
    </rPh>
    <rPh sb="16" eb="17">
      <t>タイ</t>
    </rPh>
    <rPh sb="19" eb="20">
      <t>カンガ</t>
    </rPh>
    <rPh sb="21" eb="22">
      <t>カタ</t>
    </rPh>
    <rPh sb="23" eb="26">
      <t>ソウゴウテキ</t>
    </rPh>
    <rPh sb="30" eb="33">
      <t>チュウガッコウ</t>
    </rPh>
    <rPh sb="33" eb="35">
      <t>ビジュツ</t>
    </rPh>
    <rPh sb="35" eb="37">
      <t>メンキョ</t>
    </rPh>
    <rPh sb="37" eb="39">
      <t>シュトク</t>
    </rPh>
    <rPh sb="39" eb="41">
      <t>キボウ</t>
    </rPh>
    <rPh sb="41" eb="42">
      <t>モノ</t>
    </rPh>
    <rPh sb="43" eb="44">
      <t>タイ</t>
    </rPh>
    <rPh sb="48" eb="49">
      <t>アタ</t>
    </rPh>
    <rPh sb="58" eb="60">
      <t>ケイタイ</t>
    </rPh>
    <rPh sb="64" eb="65">
      <t>ナド</t>
    </rPh>
    <rPh sb="84" eb="85">
      <t>ヨ</t>
    </rPh>
    <rPh sb="87" eb="88">
      <t>ナド</t>
    </rPh>
    <rPh sb="89" eb="90">
      <t>カン</t>
    </rPh>
    <rPh sb="92" eb="94">
      <t>ゾウケイ</t>
    </rPh>
    <rPh sb="94" eb="97">
      <t>ヒョウゲンリョク</t>
    </rPh>
    <rPh sb="101" eb="104">
      <t>チュウガッコウ</t>
    </rPh>
    <rPh sb="104" eb="106">
      <t>リカ</t>
    </rPh>
    <rPh sb="106" eb="108">
      <t>メンキョ</t>
    </rPh>
    <rPh sb="108" eb="110">
      <t>シュトク</t>
    </rPh>
    <rPh sb="110" eb="112">
      <t>キボウ</t>
    </rPh>
    <rPh sb="112" eb="113">
      <t>モノ</t>
    </rPh>
    <rPh sb="114" eb="115">
      <t>タイ</t>
    </rPh>
    <rPh sb="119" eb="121">
      <t>ブンカ</t>
    </rPh>
    <rPh sb="121" eb="123">
      <t>イサン</t>
    </rPh>
    <rPh sb="124" eb="126">
      <t>カンレン</t>
    </rPh>
    <rPh sb="128" eb="130">
      <t>シゼン</t>
    </rPh>
    <rPh sb="130" eb="132">
      <t>カガク</t>
    </rPh>
    <rPh sb="133" eb="135">
      <t>リカイ</t>
    </rPh>
    <rPh sb="136" eb="138">
      <t>ニンシキ</t>
    </rPh>
    <phoneticPr fontId="1"/>
  </si>
  <si>
    <t xml:space="preserve">文化遺産に関する基礎知識と、対象観察力・文章表現力を総合的にみる。中学校美術免許取得希望者に対しては、与えられたモチーフの形体、材質感等を的確に捉えて抽出できたか、また構成は良いか等に関する造形表現力をみる。中学校理科免許取得希望者に対しては、文化遺産に関連する自然科学の理解と認識をみる
</t>
    <rPh sb="0" eb="2">
      <t>ブンカ</t>
    </rPh>
    <rPh sb="2" eb="4">
      <t>イサン</t>
    </rPh>
    <rPh sb="5" eb="6">
      <t>カン</t>
    </rPh>
    <rPh sb="8" eb="10">
      <t>キソ</t>
    </rPh>
    <rPh sb="10" eb="12">
      <t>チシキ</t>
    </rPh>
    <rPh sb="14" eb="16">
      <t>タイショウ</t>
    </rPh>
    <rPh sb="16" eb="18">
      <t>カンサツ</t>
    </rPh>
    <rPh sb="18" eb="19">
      <t>リョク</t>
    </rPh>
    <rPh sb="20" eb="22">
      <t>ブンショウ</t>
    </rPh>
    <rPh sb="22" eb="25">
      <t>ヒョウゲンリョク</t>
    </rPh>
    <rPh sb="26" eb="29">
      <t>ソウゴウテキ</t>
    </rPh>
    <rPh sb="33" eb="36">
      <t>チュウガッコウ</t>
    </rPh>
    <rPh sb="36" eb="38">
      <t>ビジュツ</t>
    </rPh>
    <rPh sb="38" eb="40">
      <t>メンキョ</t>
    </rPh>
    <rPh sb="40" eb="42">
      <t>シュトク</t>
    </rPh>
    <rPh sb="42" eb="44">
      <t>キボウ</t>
    </rPh>
    <rPh sb="44" eb="45">
      <t>モノ</t>
    </rPh>
    <rPh sb="46" eb="47">
      <t>タイ</t>
    </rPh>
    <rPh sb="51" eb="52">
      <t>アタ</t>
    </rPh>
    <rPh sb="61" eb="63">
      <t>ケイタイ</t>
    </rPh>
    <rPh sb="67" eb="68">
      <t>ナド</t>
    </rPh>
    <rPh sb="87" eb="88">
      <t>ヨ</t>
    </rPh>
    <rPh sb="90" eb="91">
      <t>ナド</t>
    </rPh>
    <rPh sb="92" eb="93">
      <t>カン</t>
    </rPh>
    <rPh sb="95" eb="97">
      <t>ゾウケイ</t>
    </rPh>
    <rPh sb="97" eb="100">
      <t>ヒョウゲンリョク</t>
    </rPh>
    <rPh sb="104" eb="107">
      <t>チュウガッコウ</t>
    </rPh>
    <rPh sb="107" eb="109">
      <t>リカ</t>
    </rPh>
    <rPh sb="109" eb="111">
      <t>メンキョ</t>
    </rPh>
    <rPh sb="111" eb="113">
      <t>シュトク</t>
    </rPh>
    <rPh sb="113" eb="115">
      <t>キボウ</t>
    </rPh>
    <rPh sb="115" eb="116">
      <t>モノ</t>
    </rPh>
    <rPh sb="117" eb="118">
      <t>タイ</t>
    </rPh>
    <rPh sb="122" eb="124">
      <t>ブンカ</t>
    </rPh>
    <rPh sb="124" eb="126">
      <t>イサン</t>
    </rPh>
    <rPh sb="127" eb="129">
      <t>カンレン</t>
    </rPh>
    <rPh sb="131" eb="133">
      <t>シゼン</t>
    </rPh>
    <rPh sb="133" eb="135">
      <t>カガク</t>
    </rPh>
    <rPh sb="136" eb="138">
      <t>リカイ</t>
    </rPh>
    <rPh sb="139" eb="141">
      <t>ニンシキ</t>
    </rPh>
    <phoneticPr fontId="1"/>
  </si>
  <si>
    <t>奈良県立</t>
  </si>
  <si>
    <t>地域創造</t>
  </si>
  <si>
    <t>前・中</t>
  </si>
  <si>
    <t>英語読解力を含む</t>
    <rPh sb="0" eb="2">
      <t>エイゴ</t>
    </rPh>
    <rPh sb="2" eb="5">
      <t>ドッカイリョク</t>
    </rPh>
    <rPh sb="6" eb="7">
      <t>フク</t>
    </rPh>
    <phoneticPr fontId="1"/>
  </si>
  <si>
    <t>奈良県立医科</t>
  </si>
  <si>
    <t>医療の分野に限らない広汎な分野から課題文２題を提示する</t>
    <rPh sb="3" eb="5">
      <t>ブンヤ</t>
    </rPh>
    <rPh sb="6" eb="7">
      <t>カギ</t>
    </rPh>
    <rPh sb="10" eb="11">
      <t>ヒロシ</t>
    </rPh>
    <rPh sb="11" eb="12">
      <t>ボン</t>
    </rPh>
    <rPh sb="13" eb="15">
      <t>ブンヤ</t>
    </rPh>
    <rPh sb="17" eb="20">
      <t>カダイブン</t>
    </rPh>
    <rPh sb="21" eb="22">
      <t>ダイ</t>
    </rPh>
    <rPh sb="23" eb="25">
      <t>テイジ</t>
    </rPh>
    <phoneticPr fontId="1"/>
  </si>
  <si>
    <t>看護（一般枠）</t>
  </si>
  <si>
    <t>自然・社会・文化に関する文章や図表等の課題を提示する</t>
    <rPh sb="0" eb="2">
      <t>シゼン</t>
    </rPh>
    <rPh sb="3" eb="5">
      <t>シャカイ</t>
    </rPh>
    <rPh sb="6" eb="8">
      <t>ブンカ</t>
    </rPh>
    <rPh sb="9" eb="10">
      <t>カン</t>
    </rPh>
    <rPh sb="12" eb="14">
      <t>ブンショウ</t>
    </rPh>
    <rPh sb="15" eb="17">
      <t>ズヒョウ</t>
    </rPh>
    <rPh sb="17" eb="18">
      <t>ナド</t>
    </rPh>
    <rPh sb="19" eb="21">
      <t>カダイ</t>
    </rPh>
    <rPh sb="22" eb="24">
      <t>テイジ</t>
    </rPh>
    <phoneticPr fontId="1"/>
  </si>
  <si>
    <t>看護（地域枠）</t>
  </si>
  <si>
    <t>小論文Ⅰ：自然・社会・文化に関する文章や図表等の課題を提示する
小論文Ⅱ：自然・社会・文化に関する文章等の課題を提示する</t>
    <rPh sb="0" eb="3">
      <t>ショウロンブン</t>
    </rPh>
    <rPh sb="5" eb="7">
      <t>シゼン</t>
    </rPh>
    <rPh sb="8" eb="10">
      <t>シャカイ</t>
    </rPh>
    <rPh sb="11" eb="13">
      <t>ブンカ</t>
    </rPh>
    <rPh sb="14" eb="15">
      <t>カン</t>
    </rPh>
    <rPh sb="17" eb="19">
      <t>ブンショウ</t>
    </rPh>
    <rPh sb="20" eb="22">
      <t>ズヒョウ</t>
    </rPh>
    <rPh sb="22" eb="23">
      <t>ナド</t>
    </rPh>
    <rPh sb="24" eb="26">
      <t>カダイ</t>
    </rPh>
    <rPh sb="27" eb="29">
      <t>テイジ</t>
    </rPh>
    <rPh sb="51" eb="52">
      <t>ナド</t>
    </rPh>
    <phoneticPr fontId="1"/>
  </si>
  <si>
    <t>和歌山</t>
  </si>
  <si>
    <t>後</t>
    <rPh sb="0" eb="1">
      <t>コウ</t>
    </rPh>
    <phoneticPr fontId="1"/>
  </si>
  <si>
    <t>関連する資料(図・数表・英文資料等を含む)に基づき、社会科学を学ぶ上で必要な知識、それを活用する能力を備えているかを問う</t>
    <rPh sb="16" eb="17">
      <t>ナド</t>
    </rPh>
    <phoneticPr fontId="1"/>
  </si>
  <si>
    <t>システム工</t>
    <rPh sb="4" eb="5">
      <t>コウ</t>
    </rPh>
    <phoneticPr fontId="1"/>
  </si>
  <si>
    <t>システム工</t>
  </si>
  <si>
    <t>システム工学を学ぶにふさわしい能力・適性等を問う。「数学Ⅰ、数学Ⅱ、数学Ⅲ、数学Ａ、数学Ｂ、数学Ｃ」、「物理基礎、物理」、「化学基礎、化学」で学ぶ内容の理解を前提として、これら３分野のうち２分野の問題を選択とする</t>
    <rPh sb="20" eb="21">
      <t>ナド</t>
    </rPh>
    <rPh sb="26" eb="28">
      <t>スウガク</t>
    </rPh>
    <rPh sb="30" eb="32">
      <t>スウガク</t>
    </rPh>
    <rPh sb="34" eb="36">
      <t>スウガク</t>
    </rPh>
    <rPh sb="38" eb="40">
      <t>スウガク</t>
    </rPh>
    <rPh sb="42" eb="44">
      <t>スウガク</t>
    </rPh>
    <rPh sb="46" eb="48">
      <t>スウガク</t>
    </rPh>
    <rPh sb="52" eb="56">
      <t>ブツリキソ</t>
    </rPh>
    <rPh sb="57" eb="59">
      <t>ブツリ</t>
    </rPh>
    <rPh sb="62" eb="66">
      <t>カガクキソ</t>
    </rPh>
    <rPh sb="67" eb="69">
      <t>カガク</t>
    </rPh>
    <rPh sb="71" eb="72">
      <t>マナ</t>
    </rPh>
    <rPh sb="73" eb="75">
      <t>ナイヨウ</t>
    </rPh>
    <rPh sb="76" eb="78">
      <t>リカイ</t>
    </rPh>
    <rPh sb="79" eb="81">
      <t>ゼンテイ</t>
    </rPh>
    <phoneticPr fontId="1"/>
  </si>
  <si>
    <t>鳥取</t>
  </si>
  <si>
    <t>地域</t>
  </si>
  <si>
    <t>地域の諸問題についての文章や各種データ等を素材に出題する</t>
    <rPh sb="0" eb="2">
      <t>チイキ</t>
    </rPh>
    <rPh sb="3" eb="6">
      <t>ショモンダイ</t>
    </rPh>
    <rPh sb="11" eb="13">
      <t>ブンショウ</t>
    </rPh>
    <rPh sb="14" eb="16">
      <t>カクシュ</t>
    </rPh>
    <rPh sb="19" eb="20">
      <t>ナド</t>
    </rPh>
    <rPh sb="21" eb="23">
      <t>ソザイ</t>
    </rPh>
    <rPh sb="24" eb="26">
      <t>シュツダイ</t>
    </rPh>
    <phoneticPr fontId="1"/>
  </si>
  <si>
    <t>人間形成</t>
  </si>
  <si>
    <t>高等学校までの学習一般を前提とし、自然科学および人文社会科学に関する設問を与えて、理解力、思考力、表現力、論理性等、地域教育を勉強するために必要な素養をみる</t>
    <rPh sb="28" eb="30">
      <t>カガク</t>
    </rPh>
    <rPh sb="41" eb="44">
      <t>リカイリョク</t>
    </rPh>
    <rPh sb="45" eb="48">
      <t>シコウリョク</t>
    </rPh>
    <rPh sb="49" eb="52">
      <t>ヒョウゲンリョク</t>
    </rPh>
    <rPh sb="53" eb="56">
      <t>ロンリセイ</t>
    </rPh>
    <rPh sb="56" eb="57">
      <t>ナド</t>
    </rPh>
    <rPh sb="58" eb="60">
      <t>チイキ</t>
    </rPh>
    <rPh sb="60" eb="62">
      <t>キョウイク</t>
    </rPh>
    <rPh sb="63" eb="65">
      <t>ベンキョウ</t>
    </rPh>
    <rPh sb="70" eb="72">
      <t>ヒツヨウ</t>
    </rPh>
    <rPh sb="73" eb="75">
      <t>ソヨウ</t>
    </rPh>
    <phoneticPr fontId="1"/>
  </si>
  <si>
    <t>島根</t>
  </si>
  <si>
    <t>法文</t>
  </si>
  <si>
    <t>法経、社会文化</t>
  </si>
  <si>
    <t>読解力・表現力等の日本語力と図表等の分析力、論理的思考力および多様な考えを踏まえて自らの意見を述べる力を問う</t>
    <rPh sb="0" eb="3">
      <t>ドッカイリョク</t>
    </rPh>
    <rPh sb="4" eb="7">
      <t>ヒョウゲンリョク</t>
    </rPh>
    <rPh sb="7" eb="8">
      <t>ナド</t>
    </rPh>
    <rPh sb="9" eb="12">
      <t>ニホンゴ</t>
    </rPh>
    <rPh sb="12" eb="13">
      <t>チカラ</t>
    </rPh>
    <rPh sb="16" eb="17">
      <t>ナド</t>
    </rPh>
    <rPh sb="18" eb="21">
      <t>ブンセキリョク</t>
    </rPh>
    <rPh sb="22" eb="25">
      <t>ロンリテキ</t>
    </rPh>
    <rPh sb="25" eb="28">
      <t>シコウリョク</t>
    </rPh>
    <rPh sb="31" eb="33">
      <t>タヨウ</t>
    </rPh>
    <rPh sb="34" eb="35">
      <t>カンガ</t>
    </rPh>
    <rPh sb="37" eb="38">
      <t>フ</t>
    </rPh>
    <rPh sb="41" eb="42">
      <t>ミズカ</t>
    </rPh>
    <rPh sb="44" eb="46">
      <t>イケン</t>
    </rPh>
    <rPh sb="47" eb="48">
      <t>ノ</t>
    </rPh>
    <rPh sb="50" eb="51">
      <t>チカラ</t>
    </rPh>
    <rPh sb="52" eb="53">
      <t>ト</t>
    </rPh>
    <phoneticPr fontId="1"/>
  </si>
  <si>
    <t>言語文化</t>
  </si>
  <si>
    <t>日本語・英語の文章の読解力を測るとともに、論理的思考力、表現力および多様な考えを踏まえて自らの意見を述べることのできる主体的な姿勢を問う</t>
    <rPh sb="0" eb="3">
      <t>ニホンゴ</t>
    </rPh>
    <rPh sb="4" eb="6">
      <t>エイゴ</t>
    </rPh>
    <rPh sb="7" eb="9">
      <t>ブンショウ</t>
    </rPh>
    <rPh sb="10" eb="13">
      <t>ドッカイリョク</t>
    </rPh>
    <rPh sb="14" eb="15">
      <t>ハカ</t>
    </rPh>
    <rPh sb="21" eb="24">
      <t>ロンリテキ</t>
    </rPh>
    <rPh sb="24" eb="27">
      <t>シコウリョク</t>
    </rPh>
    <rPh sb="28" eb="31">
      <t>ヒョウゲンリョク</t>
    </rPh>
    <rPh sb="34" eb="36">
      <t>タヨウ</t>
    </rPh>
    <rPh sb="37" eb="38">
      <t>カンガ</t>
    </rPh>
    <rPh sb="40" eb="41">
      <t>フ</t>
    </rPh>
    <rPh sb="44" eb="45">
      <t>ミズカ</t>
    </rPh>
    <rPh sb="47" eb="49">
      <t>イケン</t>
    </rPh>
    <rPh sb="50" eb="51">
      <t>ノ</t>
    </rPh>
    <rPh sb="59" eb="62">
      <t>シュタイテキ</t>
    </rPh>
    <rPh sb="63" eb="65">
      <t>シセイ</t>
    </rPh>
    <phoneticPr fontId="1"/>
  </si>
  <si>
    <t>島根県立</t>
    <rPh sb="2" eb="4">
      <t>ケンリツ</t>
    </rPh>
    <phoneticPr fontId="1"/>
  </si>
  <si>
    <t>国際関係</t>
    <rPh sb="0" eb="2">
      <t>コクサイ</t>
    </rPh>
    <rPh sb="2" eb="4">
      <t>カンケイ</t>
    </rPh>
    <phoneticPr fontId="1"/>
  </si>
  <si>
    <t>島根県立</t>
  </si>
  <si>
    <t>国際関係</t>
  </si>
  <si>
    <t>国際関係コースでの専門性を修得する上で必要となる国際関係への関心について自ら論を立てて記述させ、主体的な探求心、協働性・多様性への理解、表現力・思考力を総合的に評価する</t>
    <rPh sb="0" eb="2">
      <t>コクサイ</t>
    </rPh>
    <rPh sb="2" eb="4">
      <t>カンケイ</t>
    </rPh>
    <rPh sb="9" eb="12">
      <t>センモンセイ</t>
    </rPh>
    <rPh sb="13" eb="15">
      <t>シュウトク</t>
    </rPh>
    <rPh sb="17" eb="18">
      <t>ウエ</t>
    </rPh>
    <rPh sb="19" eb="21">
      <t>ヒツヨウ</t>
    </rPh>
    <rPh sb="24" eb="26">
      <t>コクサイ</t>
    </rPh>
    <rPh sb="26" eb="28">
      <t>カンケイ</t>
    </rPh>
    <rPh sb="30" eb="32">
      <t>カンシン</t>
    </rPh>
    <rPh sb="36" eb="37">
      <t>ミズカ</t>
    </rPh>
    <rPh sb="38" eb="39">
      <t>ロン</t>
    </rPh>
    <rPh sb="40" eb="41">
      <t>タ</t>
    </rPh>
    <rPh sb="43" eb="45">
      <t>キジュツ</t>
    </rPh>
    <rPh sb="48" eb="51">
      <t>シュタイテキ</t>
    </rPh>
    <rPh sb="52" eb="54">
      <t>タンキュウ</t>
    </rPh>
    <rPh sb="54" eb="55">
      <t>シン</t>
    </rPh>
    <rPh sb="56" eb="59">
      <t>キョウドウセイ</t>
    </rPh>
    <rPh sb="60" eb="63">
      <t>タヨウセイ</t>
    </rPh>
    <rPh sb="65" eb="67">
      <t>リカイ</t>
    </rPh>
    <rPh sb="68" eb="71">
      <t>ヒョウゲンリョク</t>
    </rPh>
    <rPh sb="72" eb="75">
      <t>シコウリョク</t>
    </rPh>
    <rPh sb="76" eb="79">
      <t>ソウゴウテキ</t>
    </rPh>
    <rPh sb="80" eb="82">
      <t>ヒョウカ</t>
    </rPh>
    <phoneticPr fontId="1"/>
  </si>
  <si>
    <t>国際コミュニケーション</t>
  </si>
  <si>
    <t>日本語による思考力・表現力と英語による表現力に加えて、国際コミュニケーションコースで学ぶ上での関心や主体性を評価する</t>
    <rPh sb="0" eb="3">
      <t>ニホンゴ</t>
    </rPh>
    <rPh sb="6" eb="9">
      <t>シコウリョク</t>
    </rPh>
    <rPh sb="10" eb="13">
      <t>ヒョウゲンリョク</t>
    </rPh>
    <rPh sb="14" eb="16">
      <t>エイゴ</t>
    </rPh>
    <rPh sb="19" eb="22">
      <t>ヒョウゲンリョク</t>
    </rPh>
    <rPh sb="23" eb="24">
      <t>クワ</t>
    </rPh>
    <rPh sb="27" eb="29">
      <t>コクサイ</t>
    </rPh>
    <rPh sb="42" eb="43">
      <t>マナブ</t>
    </rPh>
    <rPh sb="44" eb="45">
      <t>ウエ</t>
    </rPh>
    <rPh sb="47" eb="49">
      <t>カンシン</t>
    </rPh>
    <rPh sb="50" eb="53">
      <t>シュタイセイ</t>
    </rPh>
    <rPh sb="54" eb="56">
      <t>ヒョウカ</t>
    </rPh>
    <phoneticPr fontId="1"/>
  </si>
  <si>
    <t>岡山</t>
  </si>
  <si>
    <t>養護教諭養成</t>
  </si>
  <si>
    <t>養護教諭の仕事と子どもの発育発達や健康について、理解力、思考力、表現力等を試す問題を課す</t>
    <rPh sb="0" eb="4">
      <t>ヨウゴキョウユ</t>
    </rPh>
    <rPh sb="5" eb="7">
      <t>シゴト</t>
    </rPh>
    <rPh sb="8" eb="9">
      <t>コ</t>
    </rPh>
    <rPh sb="12" eb="14">
      <t>ハツイク</t>
    </rPh>
    <rPh sb="14" eb="16">
      <t>ハッタツ</t>
    </rPh>
    <rPh sb="17" eb="19">
      <t>ケンコウ</t>
    </rPh>
    <rPh sb="24" eb="27">
      <t>リカイリョク</t>
    </rPh>
    <rPh sb="28" eb="31">
      <t>シコウリョク</t>
    </rPh>
    <rPh sb="32" eb="35">
      <t>ヒョウゲンリョク</t>
    </rPh>
    <rPh sb="35" eb="36">
      <t>ナド</t>
    </rPh>
    <rPh sb="37" eb="38">
      <t>タメ</t>
    </rPh>
    <rPh sb="39" eb="41">
      <t>モンダイ</t>
    </rPh>
    <rPh sb="42" eb="43">
      <t>カ</t>
    </rPh>
    <phoneticPr fontId="1"/>
  </si>
  <si>
    <t>県立広島</t>
    <rPh sb="0" eb="2">
      <t>ケンリツ</t>
    </rPh>
    <rPh sb="2" eb="4">
      <t>ヒロシマ</t>
    </rPh>
    <phoneticPr fontId="1"/>
  </si>
  <si>
    <t>地域創生、生物資源科学</t>
  </si>
  <si>
    <t>県立広島</t>
  </si>
  <si>
    <t>全学科（地域－経営・健康科学、情報除く）</t>
  </si>
  <si>
    <t>前・後</t>
    <rPh sb="0" eb="1">
      <t>マエ</t>
    </rPh>
    <rPh sb="2" eb="3">
      <t>アト</t>
    </rPh>
    <phoneticPr fontId="1"/>
  </si>
  <si>
    <t>複数の課題文や資料（論説・記事・説明文等の日本語の文章、図表・グラフ等）をもとに、理解力、読解力、論理的思考力、文章表現力等を見るための設問を課す。解答の内容を総合的に判断し、点数化して評価する</t>
    <rPh sb="0" eb="2">
      <t>フクスウ</t>
    </rPh>
    <rPh sb="3" eb="6">
      <t>カダイブン</t>
    </rPh>
    <rPh sb="7" eb="9">
      <t>シリョウ</t>
    </rPh>
    <rPh sb="10" eb="12">
      <t>ロンセツ</t>
    </rPh>
    <rPh sb="13" eb="15">
      <t>キジ</t>
    </rPh>
    <rPh sb="16" eb="19">
      <t>セツメイブン</t>
    </rPh>
    <rPh sb="19" eb="20">
      <t>ナド</t>
    </rPh>
    <rPh sb="21" eb="24">
      <t>ニホンゴ</t>
    </rPh>
    <rPh sb="25" eb="27">
      <t>ブンショウ</t>
    </rPh>
    <rPh sb="28" eb="30">
      <t>ズヒョウ</t>
    </rPh>
    <rPh sb="34" eb="35">
      <t>ナド</t>
    </rPh>
    <rPh sb="41" eb="44">
      <t>リカイリョク</t>
    </rPh>
    <rPh sb="45" eb="48">
      <t>ドッカイリョク</t>
    </rPh>
    <rPh sb="49" eb="55">
      <t>ロンリテキシコウリョク</t>
    </rPh>
    <rPh sb="56" eb="58">
      <t>ブンショウ</t>
    </rPh>
    <rPh sb="58" eb="61">
      <t>ヒョウゲンリョク</t>
    </rPh>
    <rPh sb="61" eb="62">
      <t>ナド</t>
    </rPh>
    <rPh sb="63" eb="64">
      <t>ミ</t>
    </rPh>
    <rPh sb="68" eb="70">
      <t>セツモン</t>
    </rPh>
    <rPh sb="71" eb="72">
      <t>カ</t>
    </rPh>
    <rPh sb="74" eb="76">
      <t>カイトウ</t>
    </rPh>
    <rPh sb="77" eb="79">
      <t>ナイヨウ</t>
    </rPh>
    <rPh sb="80" eb="83">
      <t>ソウゴウテキ</t>
    </rPh>
    <rPh sb="84" eb="86">
      <t>ハンダン</t>
    </rPh>
    <rPh sb="88" eb="91">
      <t>テンスウカ</t>
    </rPh>
    <rPh sb="93" eb="95">
      <t>ヒョウカ</t>
    </rPh>
    <phoneticPr fontId="1"/>
  </si>
  <si>
    <t>地域創生</t>
    <rPh sb="0" eb="2">
      <t>チイキ</t>
    </rPh>
    <rPh sb="2" eb="4">
      <t>ソウセイ</t>
    </rPh>
    <phoneticPr fontId="1"/>
  </si>
  <si>
    <t>地域創生</t>
  </si>
  <si>
    <t>地域－経営</t>
  </si>
  <si>
    <t>保健－人間福祉学</t>
  </si>
  <si>
    <t>広島</t>
  </si>
  <si>
    <t>経済（昼間・夜間主）</t>
    <rPh sb="4" eb="5">
      <t>カン</t>
    </rPh>
    <phoneticPr fontId="1"/>
  </si>
  <si>
    <t>経済（昼間・夜間主）</t>
    <phoneticPr fontId="1"/>
  </si>
  <si>
    <t>経済</t>
    <phoneticPr fontId="1"/>
  </si>
  <si>
    <t>後</t>
    <phoneticPr fontId="1"/>
  </si>
  <si>
    <t>論文・評論等を題材とする</t>
    <rPh sb="5" eb="6">
      <t>ナド</t>
    </rPh>
    <phoneticPr fontId="1"/>
  </si>
  <si>
    <t>人間－教育学</t>
  </si>
  <si>
    <t>教育について論じる問題を出題する</t>
    <rPh sb="0" eb="2">
      <t>キョウイク</t>
    </rPh>
    <rPh sb="6" eb="7">
      <t>ロン</t>
    </rPh>
    <phoneticPr fontId="1"/>
  </si>
  <si>
    <t>広島</t>
    <rPh sb="0" eb="2">
      <t>ヒロシマ</t>
    </rPh>
    <phoneticPr fontId="1"/>
  </si>
  <si>
    <t>人間－心理学</t>
  </si>
  <si>
    <t>論文や評論や図表等を題材とする問題を出題する</t>
    <rPh sb="8" eb="9">
      <t>ナド</t>
    </rPh>
    <phoneticPr fontId="1"/>
  </si>
  <si>
    <t>物理「物理基礎・物理」と数学「数Ⅰ、数Ⅱ、数Ⅲ、数Ａ（図形の性質、場合の数と確率）、数Ｂ（数列）、数Ｃ（ベクトル、平面上の曲線と複素数平面）」を合わせた複合問題により、物理と数学の応用力をみる</t>
    <rPh sb="0" eb="2">
      <t>ブツリ</t>
    </rPh>
    <rPh sb="3" eb="5">
      <t>ブツリ</t>
    </rPh>
    <rPh sb="5" eb="7">
      <t>キソ</t>
    </rPh>
    <rPh sb="8" eb="10">
      <t>ブツリ</t>
    </rPh>
    <rPh sb="12" eb="14">
      <t>スウガク</t>
    </rPh>
    <rPh sb="27" eb="29">
      <t>ズケイ</t>
    </rPh>
    <rPh sb="30" eb="32">
      <t>セイシツ</t>
    </rPh>
    <rPh sb="33" eb="35">
      <t>バアイ</t>
    </rPh>
    <rPh sb="36" eb="37">
      <t>カズ</t>
    </rPh>
    <rPh sb="38" eb="40">
      <t>カクリツ</t>
    </rPh>
    <rPh sb="49" eb="50">
      <t>スウ</t>
    </rPh>
    <rPh sb="57" eb="60">
      <t>ヘイメンジョウ</t>
    </rPh>
    <rPh sb="61" eb="63">
      <t>キョクセン</t>
    </rPh>
    <rPh sb="64" eb="69">
      <t>フクソスウヘイメン</t>
    </rPh>
    <rPh sb="72" eb="73">
      <t>ア</t>
    </rPh>
    <rPh sb="76" eb="78">
      <t>フクゴウ</t>
    </rPh>
    <rPh sb="78" eb="80">
      <t>モンダイ</t>
    </rPh>
    <rPh sb="84" eb="86">
      <t>ブツリ</t>
    </rPh>
    <rPh sb="87" eb="89">
      <t>スウガク</t>
    </rPh>
    <rPh sb="90" eb="93">
      <t>オウヨウリョク</t>
    </rPh>
    <phoneticPr fontId="1"/>
  </si>
  <si>
    <t>広島市立</t>
  </si>
  <si>
    <t>日本語と英語による出題</t>
    <rPh sb="4" eb="6">
      <t>エイゴ</t>
    </rPh>
    <rPh sb="9" eb="11">
      <t>シュツダイ</t>
    </rPh>
    <phoneticPr fontId="1"/>
  </si>
  <si>
    <t>福山市立</t>
  </si>
  <si>
    <t>全学部</t>
  </si>
  <si>
    <t>高等学校で習得した基礎学力を前提に、現代社会の課題についての資料（日本語および英語で書かれた文章、図表等）の読解にかかわる設問を通じて、理解力、思考力、表現力を総合的に評価する</t>
    <rPh sb="0" eb="2">
      <t>コウトウ</t>
    </rPh>
    <rPh sb="2" eb="4">
      <t>ガッコウ</t>
    </rPh>
    <rPh sb="5" eb="7">
      <t>シュウトク</t>
    </rPh>
    <rPh sb="9" eb="11">
      <t>キソ</t>
    </rPh>
    <rPh sb="11" eb="13">
      <t>ガクリョク</t>
    </rPh>
    <rPh sb="14" eb="16">
      <t>ゼンテイ</t>
    </rPh>
    <rPh sb="18" eb="20">
      <t>ゲンダイ</t>
    </rPh>
    <rPh sb="20" eb="22">
      <t>シャカイ</t>
    </rPh>
    <rPh sb="23" eb="25">
      <t>カダイ</t>
    </rPh>
    <rPh sb="30" eb="32">
      <t>シリョウ</t>
    </rPh>
    <rPh sb="33" eb="36">
      <t>ニホンゴ</t>
    </rPh>
    <rPh sb="39" eb="41">
      <t>エイゴ</t>
    </rPh>
    <rPh sb="42" eb="43">
      <t>カ</t>
    </rPh>
    <rPh sb="46" eb="48">
      <t>ブンショウ</t>
    </rPh>
    <rPh sb="49" eb="51">
      <t>ズヒョウ</t>
    </rPh>
    <rPh sb="51" eb="52">
      <t>ナド</t>
    </rPh>
    <rPh sb="54" eb="56">
      <t>ドッカイ</t>
    </rPh>
    <rPh sb="61" eb="63">
      <t>セツモン</t>
    </rPh>
    <rPh sb="64" eb="65">
      <t>ツウ</t>
    </rPh>
    <rPh sb="68" eb="71">
      <t>リカイリョク</t>
    </rPh>
    <rPh sb="72" eb="75">
      <t>シコウリョク</t>
    </rPh>
    <rPh sb="76" eb="79">
      <t>ヒョウゲンリョク</t>
    </rPh>
    <rPh sb="80" eb="83">
      <t>ソウゴウテキ</t>
    </rPh>
    <rPh sb="84" eb="86">
      <t>ヒョウカ</t>
    </rPh>
    <phoneticPr fontId="1"/>
  </si>
  <si>
    <t>山口</t>
  </si>
  <si>
    <t>国際総合科学</t>
  </si>
  <si>
    <t>資料は英文で提示することがある。また、英語による回答を求めることがある</t>
    <rPh sb="0" eb="2">
      <t>シリョウ</t>
    </rPh>
    <rPh sb="3" eb="5">
      <t>エイブン</t>
    </rPh>
    <rPh sb="6" eb="8">
      <t>テイジ</t>
    </rPh>
    <rPh sb="19" eb="21">
      <t>エイゴ</t>
    </rPh>
    <rPh sb="24" eb="26">
      <t>カイトウ</t>
    </rPh>
    <rPh sb="27" eb="28">
      <t>モト</t>
    </rPh>
    <phoneticPr fontId="1"/>
  </si>
  <si>
    <t>資料は英文で提示することがある</t>
    <rPh sb="0" eb="2">
      <t>シリョウ</t>
    </rPh>
    <rPh sb="3" eb="5">
      <t>エイブン</t>
    </rPh>
    <rPh sb="6" eb="8">
      <t>テイジ</t>
    </rPh>
    <phoneticPr fontId="1"/>
  </si>
  <si>
    <t>山口県立</t>
  </si>
  <si>
    <t>国内外における社会的・文化的諸問題に関する基礎的知識・理解力・思考力・判断力を点数化する</t>
    <rPh sb="0" eb="3">
      <t>コクナイガイ</t>
    </rPh>
    <rPh sb="7" eb="10">
      <t>シャカイテキ</t>
    </rPh>
    <rPh sb="11" eb="14">
      <t>ブンカテキ</t>
    </rPh>
    <rPh sb="14" eb="17">
      <t>ショモンダイ</t>
    </rPh>
    <rPh sb="18" eb="19">
      <t>カン</t>
    </rPh>
    <rPh sb="21" eb="24">
      <t>キソテキ</t>
    </rPh>
    <rPh sb="24" eb="26">
      <t>チシキ</t>
    </rPh>
    <rPh sb="27" eb="30">
      <t>リカイリョク</t>
    </rPh>
    <rPh sb="31" eb="34">
      <t>シコウリョク</t>
    </rPh>
    <rPh sb="35" eb="38">
      <t>ハンダンリョク</t>
    </rPh>
    <rPh sb="39" eb="42">
      <t>テンスウカ</t>
    </rPh>
    <phoneticPr fontId="1"/>
  </si>
  <si>
    <t>国際文化</t>
    <rPh sb="0" eb="2">
      <t>コクサイ</t>
    </rPh>
    <phoneticPr fontId="1"/>
  </si>
  <si>
    <t>文化創造</t>
  </si>
  <si>
    <t>日本文化や地域文化の価値について自分の考えをまとめる</t>
    <rPh sb="0" eb="2">
      <t>ニホン</t>
    </rPh>
    <rPh sb="2" eb="4">
      <t>ブンカ</t>
    </rPh>
    <rPh sb="5" eb="7">
      <t>チイキ</t>
    </rPh>
    <rPh sb="7" eb="9">
      <t>ブンカ</t>
    </rPh>
    <rPh sb="10" eb="12">
      <t>カチ</t>
    </rPh>
    <rPh sb="16" eb="18">
      <t>ジブン</t>
    </rPh>
    <rPh sb="19" eb="20">
      <t>カンガ</t>
    </rPh>
    <phoneticPr fontId="1"/>
  </si>
  <si>
    <t>情報社会</t>
  </si>
  <si>
    <t>テクノロジーが持つ価値や社会とのさまざまな接点について自分の考えをまとめる</t>
    <rPh sb="7" eb="8">
      <t>モ</t>
    </rPh>
    <rPh sb="9" eb="11">
      <t>カチ</t>
    </rPh>
    <rPh sb="12" eb="14">
      <t>シャカイ</t>
    </rPh>
    <rPh sb="21" eb="23">
      <t>セッテン</t>
    </rPh>
    <rPh sb="27" eb="29">
      <t>ジブン</t>
    </rPh>
    <rPh sb="30" eb="31">
      <t>カンガ</t>
    </rPh>
    <phoneticPr fontId="1"/>
  </si>
  <si>
    <t>徳島</t>
  </si>
  <si>
    <t>生物資源産業</t>
  </si>
  <si>
    <t>日本語で書かれた文章や図表等により、下記の力を問う記述・論述式の出題を行う
①化学（化基・化）に関する基礎学力と思考・判断力（実験データの解析力等を問う場合あり）
②現代の社会における諸問題（バイオテクノロジー、食料、農業等で抱える問題）や生物資源産業への深い関心と、自らの考えを表現する力（②は小論文の要素を含めた出題）</t>
    <rPh sb="0" eb="3">
      <t>ニホンゴ</t>
    </rPh>
    <rPh sb="4" eb="5">
      <t>カ</t>
    </rPh>
    <rPh sb="8" eb="10">
      <t>ブンショウ</t>
    </rPh>
    <rPh sb="11" eb="13">
      <t>ズヒョウ</t>
    </rPh>
    <rPh sb="13" eb="14">
      <t>ナド</t>
    </rPh>
    <rPh sb="18" eb="20">
      <t>カキ</t>
    </rPh>
    <rPh sb="21" eb="22">
      <t>チカラ</t>
    </rPh>
    <rPh sb="23" eb="24">
      <t>ト</t>
    </rPh>
    <rPh sb="25" eb="27">
      <t>キジュツ</t>
    </rPh>
    <rPh sb="28" eb="30">
      <t>ロンジュツ</t>
    </rPh>
    <rPh sb="30" eb="31">
      <t>シキ</t>
    </rPh>
    <rPh sb="32" eb="34">
      <t>シュツダイ</t>
    </rPh>
    <rPh sb="35" eb="36">
      <t>オコナ</t>
    </rPh>
    <rPh sb="39" eb="41">
      <t>カガク</t>
    </rPh>
    <rPh sb="42" eb="43">
      <t>カ</t>
    </rPh>
    <rPh sb="43" eb="44">
      <t>キ</t>
    </rPh>
    <rPh sb="45" eb="46">
      <t>カ</t>
    </rPh>
    <rPh sb="48" eb="49">
      <t>カン</t>
    </rPh>
    <rPh sb="51" eb="53">
      <t>キソ</t>
    </rPh>
    <rPh sb="53" eb="55">
      <t>ガクリョク</t>
    </rPh>
    <rPh sb="56" eb="58">
      <t>シコウ</t>
    </rPh>
    <rPh sb="59" eb="62">
      <t>ハンダンリョク</t>
    </rPh>
    <rPh sb="63" eb="65">
      <t>ジッケン</t>
    </rPh>
    <rPh sb="69" eb="71">
      <t>カイセキ</t>
    </rPh>
    <rPh sb="71" eb="72">
      <t>リョク</t>
    </rPh>
    <rPh sb="72" eb="73">
      <t>ナド</t>
    </rPh>
    <rPh sb="74" eb="75">
      <t>ト</t>
    </rPh>
    <rPh sb="76" eb="78">
      <t>バアイ</t>
    </rPh>
    <rPh sb="83" eb="85">
      <t>ゲンダイ</t>
    </rPh>
    <rPh sb="86" eb="88">
      <t>シャカイ</t>
    </rPh>
    <rPh sb="92" eb="95">
      <t>ショモンダイ</t>
    </rPh>
    <rPh sb="106" eb="108">
      <t>ショクリョウ</t>
    </rPh>
    <rPh sb="109" eb="111">
      <t>ノウギョウ</t>
    </rPh>
    <rPh sb="111" eb="112">
      <t>ナド</t>
    </rPh>
    <rPh sb="113" eb="114">
      <t>カカ</t>
    </rPh>
    <rPh sb="116" eb="118">
      <t>モンダイ</t>
    </rPh>
    <rPh sb="120" eb="122">
      <t>セイブツ</t>
    </rPh>
    <rPh sb="122" eb="124">
      <t>シゲン</t>
    </rPh>
    <rPh sb="124" eb="126">
      <t>サンギョウ</t>
    </rPh>
    <rPh sb="128" eb="129">
      <t>フカ</t>
    </rPh>
    <rPh sb="130" eb="132">
      <t>カンシン</t>
    </rPh>
    <rPh sb="134" eb="135">
      <t>ミズカ</t>
    </rPh>
    <rPh sb="137" eb="138">
      <t>カンガ</t>
    </rPh>
    <rPh sb="140" eb="142">
      <t>ヒョウゲン</t>
    </rPh>
    <rPh sb="144" eb="145">
      <t>チカラ</t>
    </rPh>
    <rPh sb="148" eb="151">
      <t>ショウロンブン</t>
    </rPh>
    <rPh sb="152" eb="154">
      <t>ヨウソ</t>
    </rPh>
    <rPh sb="155" eb="156">
      <t>フク</t>
    </rPh>
    <rPh sb="158" eb="160">
      <t>シュツダイ</t>
    </rPh>
    <phoneticPr fontId="1"/>
  </si>
  <si>
    <t>保健－看護学・放射線技術科学</t>
  </si>
  <si>
    <t>保健・医療に関する文章や図表等をもとに論述式の出題を行う</t>
    <rPh sb="0" eb="2">
      <t>ホケン</t>
    </rPh>
    <rPh sb="3" eb="5">
      <t>イリョウ</t>
    </rPh>
    <rPh sb="6" eb="7">
      <t>カン</t>
    </rPh>
    <rPh sb="9" eb="11">
      <t>ブンショウ</t>
    </rPh>
    <rPh sb="12" eb="14">
      <t>ズヒョウ</t>
    </rPh>
    <rPh sb="14" eb="15">
      <t>ナド</t>
    </rPh>
    <rPh sb="19" eb="21">
      <t>ロンジュツ</t>
    </rPh>
    <rPh sb="21" eb="22">
      <t>シキ</t>
    </rPh>
    <rPh sb="23" eb="25">
      <t>シュツダイ</t>
    </rPh>
    <rPh sb="26" eb="27">
      <t>オコナ</t>
    </rPh>
    <phoneticPr fontId="1"/>
  </si>
  <si>
    <t>歯</t>
    <rPh sb="0" eb="1">
      <t>シ</t>
    </rPh>
    <phoneticPr fontId="1"/>
  </si>
  <si>
    <t>歯</t>
  </si>
  <si>
    <t>日本語および英語で書かれた文章や図表等をもとに、現代の社会における諸問題について考察し、自らの考えを表現する出題を行う</t>
    <rPh sb="0" eb="3">
      <t>ニホンゴ</t>
    </rPh>
    <rPh sb="6" eb="8">
      <t>エイゴ</t>
    </rPh>
    <rPh sb="9" eb="10">
      <t>カ</t>
    </rPh>
    <rPh sb="13" eb="15">
      <t>ブンショウ</t>
    </rPh>
    <rPh sb="16" eb="18">
      <t>ズヒョウ</t>
    </rPh>
    <rPh sb="18" eb="19">
      <t>ナド</t>
    </rPh>
    <rPh sb="24" eb="26">
      <t>ゲンダイ</t>
    </rPh>
    <rPh sb="27" eb="29">
      <t>シャカイ</t>
    </rPh>
    <rPh sb="33" eb="36">
      <t>ショモンダイ</t>
    </rPh>
    <rPh sb="40" eb="42">
      <t>コウサツ</t>
    </rPh>
    <rPh sb="44" eb="45">
      <t>ジ</t>
    </rPh>
    <rPh sb="47" eb="48">
      <t>カンガ</t>
    </rPh>
    <rPh sb="50" eb="52">
      <t>ヒョウゲン</t>
    </rPh>
    <rPh sb="54" eb="56">
      <t>シュツダイ</t>
    </rPh>
    <rPh sb="57" eb="58">
      <t>オコナ</t>
    </rPh>
    <phoneticPr fontId="1"/>
  </si>
  <si>
    <t>香川</t>
  </si>
  <si>
    <t>広く社会・政治・法律・人文等の分野から選んだ素材に即して論述する</t>
    <rPh sb="5" eb="7">
      <t>セイジ</t>
    </rPh>
    <rPh sb="8" eb="10">
      <t>ホウリツ</t>
    </rPh>
    <rPh sb="11" eb="13">
      <t>ジンブン</t>
    </rPh>
    <rPh sb="13" eb="14">
      <t>ナド</t>
    </rPh>
    <phoneticPr fontId="1"/>
  </si>
  <si>
    <t>広く経済・社会等の分野から選んだ素材に即して論述解答する</t>
    <rPh sb="2" eb="4">
      <t>ケイザイ</t>
    </rPh>
    <rPh sb="7" eb="8">
      <t>ナド</t>
    </rPh>
    <rPh sb="24" eb="26">
      <t>カイトウ</t>
    </rPh>
    <phoneticPr fontId="1"/>
  </si>
  <si>
    <t>創造工</t>
    <rPh sb="0" eb="2">
      <t>ソウゾウ</t>
    </rPh>
    <rPh sb="2" eb="3">
      <t>コウ</t>
    </rPh>
    <phoneticPr fontId="1"/>
  </si>
  <si>
    <t>創造工</t>
  </si>
  <si>
    <t>創造工（造形･メディアデザイン）Ｂタイプ</t>
  </si>
  <si>
    <t>創造工学部学生に求められる素質としての社会に開かれた創造的思考力、創造的態度および表現力等を評価する。素材は、特定の教科にかたよらず、広く人文・社会・自然等の分野から選ばれる</t>
    <rPh sb="0" eb="2">
      <t>ソウゾウ</t>
    </rPh>
    <rPh sb="2" eb="3">
      <t>コウ</t>
    </rPh>
    <rPh sb="3" eb="5">
      <t>ガクブ</t>
    </rPh>
    <rPh sb="5" eb="7">
      <t>ガクセイ</t>
    </rPh>
    <rPh sb="8" eb="9">
      <t>モト</t>
    </rPh>
    <rPh sb="13" eb="15">
      <t>ソシツ</t>
    </rPh>
    <rPh sb="19" eb="21">
      <t>シャカイ</t>
    </rPh>
    <rPh sb="22" eb="23">
      <t>ヒラ</t>
    </rPh>
    <rPh sb="26" eb="29">
      <t>ソウゾウテキ</t>
    </rPh>
    <rPh sb="29" eb="32">
      <t>シコウリョク</t>
    </rPh>
    <rPh sb="33" eb="36">
      <t>ソウゾウテキ</t>
    </rPh>
    <rPh sb="36" eb="38">
      <t>タイド</t>
    </rPh>
    <rPh sb="44" eb="45">
      <t>ナド</t>
    </rPh>
    <rPh sb="46" eb="48">
      <t>ヒョウカ</t>
    </rPh>
    <rPh sb="51" eb="53">
      <t>ソザイ</t>
    </rPh>
    <rPh sb="55" eb="57">
      <t>トクテイ</t>
    </rPh>
    <rPh sb="58" eb="60">
      <t>キョウカ</t>
    </rPh>
    <rPh sb="67" eb="68">
      <t>ヒロ</t>
    </rPh>
    <rPh sb="69" eb="71">
      <t>ジンブン</t>
    </rPh>
    <rPh sb="72" eb="74">
      <t>シャカイ</t>
    </rPh>
    <rPh sb="75" eb="77">
      <t>シゼン</t>
    </rPh>
    <rPh sb="77" eb="78">
      <t>ナド</t>
    </rPh>
    <rPh sb="79" eb="81">
      <t>ブンヤ</t>
    </rPh>
    <rPh sb="83" eb="84">
      <t>エラ</t>
    </rPh>
    <phoneticPr fontId="1"/>
  </si>
  <si>
    <t>特定の教科にかたよらず、広く人文・社会・自然等の分野から選んだ素材に即して論述解答する</t>
    <rPh sb="0" eb="2">
      <t>トクテイ</t>
    </rPh>
    <rPh sb="3" eb="5">
      <t>キョウカ</t>
    </rPh>
    <rPh sb="12" eb="13">
      <t>ヒロ</t>
    </rPh>
    <rPh sb="14" eb="16">
      <t>ジンブン</t>
    </rPh>
    <rPh sb="17" eb="19">
      <t>シャカイ</t>
    </rPh>
    <rPh sb="20" eb="22">
      <t>シゼン</t>
    </rPh>
    <rPh sb="22" eb="23">
      <t>ナド</t>
    </rPh>
    <rPh sb="24" eb="26">
      <t>ブンヤ</t>
    </rPh>
    <rPh sb="28" eb="29">
      <t>エラ</t>
    </rPh>
    <rPh sb="31" eb="33">
      <t>ソザイ</t>
    </rPh>
    <rPh sb="34" eb="35">
      <t>ソク</t>
    </rPh>
    <rPh sb="37" eb="39">
      <t>ロンジュツ</t>
    </rPh>
    <rPh sb="39" eb="41">
      <t>カイトウ</t>
    </rPh>
    <phoneticPr fontId="1"/>
  </si>
  <si>
    <t>愛媛</t>
  </si>
  <si>
    <t>社会共創</t>
    <rPh sb="0" eb="2">
      <t>シャカイ</t>
    </rPh>
    <rPh sb="2" eb="4">
      <t>キョウソウ</t>
    </rPh>
    <phoneticPr fontId="1"/>
  </si>
  <si>
    <t>社会共創</t>
  </si>
  <si>
    <t>産業マネジメント</t>
  </si>
  <si>
    <t>産業マネジメント学科において学ぶために共通して必要な能力である「知識・理解」「思考・判断」「興味・関心・意欲・協働」「技能・表現」を評価する
地域的な視点からグローバルな視点における多様な社会の事象や諸問題について、提示された図表の読み取り、あるいは文章等の資料の読解を通じて総合的に評価する</t>
    <rPh sb="0" eb="2">
      <t>サンギョウ</t>
    </rPh>
    <rPh sb="8" eb="10">
      <t>ガッカ</t>
    </rPh>
    <rPh sb="14" eb="15">
      <t>マナ</t>
    </rPh>
    <rPh sb="19" eb="21">
      <t>キョウツウ</t>
    </rPh>
    <rPh sb="23" eb="25">
      <t>ヒツヨウ</t>
    </rPh>
    <rPh sb="26" eb="28">
      <t>ノウリョク</t>
    </rPh>
    <rPh sb="32" eb="34">
      <t>チシキ</t>
    </rPh>
    <rPh sb="35" eb="37">
      <t>リカイ</t>
    </rPh>
    <rPh sb="39" eb="41">
      <t>シコウ</t>
    </rPh>
    <rPh sb="42" eb="44">
      <t>ハンダン</t>
    </rPh>
    <rPh sb="46" eb="48">
      <t>キョウミ</t>
    </rPh>
    <rPh sb="49" eb="51">
      <t>カンシン</t>
    </rPh>
    <rPh sb="52" eb="54">
      <t>イヨク</t>
    </rPh>
    <rPh sb="55" eb="57">
      <t>キョウドウ</t>
    </rPh>
    <rPh sb="59" eb="61">
      <t>ギノウ</t>
    </rPh>
    <rPh sb="62" eb="64">
      <t>ヒョウゲン</t>
    </rPh>
    <rPh sb="66" eb="68">
      <t>ヒョウカ</t>
    </rPh>
    <rPh sb="71" eb="74">
      <t>チイキテキ</t>
    </rPh>
    <rPh sb="75" eb="77">
      <t>シテン</t>
    </rPh>
    <rPh sb="85" eb="87">
      <t>シテン</t>
    </rPh>
    <rPh sb="91" eb="93">
      <t>タヨウ</t>
    </rPh>
    <rPh sb="94" eb="96">
      <t>シャカイ</t>
    </rPh>
    <rPh sb="97" eb="99">
      <t>ジショウ</t>
    </rPh>
    <rPh sb="100" eb="103">
      <t>ショモンダイ</t>
    </rPh>
    <rPh sb="108" eb="110">
      <t>テイジ</t>
    </rPh>
    <rPh sb="113" eb="115">
      <t>ズヒョウ</t>
    </rPh>
    <rPh sb="116" eb="117">
      <t>ヨ</t>
    </rPh>
    <rPh sb="118" eb="119">
      <t>ト</t>
    </rPh>
    <rPh sb="125" eb="127">
      <t>ブンショウ</t>
    </rPh>
    <rPh sb="127" eb="128">
      <t>ナド</t>
    </rPh>
    <rPh sb="129" eb="131">
      <t>シリョウ</t>
    </rPh>
    <rPh sb="132" eb="134">
      <t>ドッカイ</t>
    </rPh>
    <rPh sb="135" eb="136">
      <t>ツウ</t>
    </rPh>
    <rPh sb="138" eb="141">
      <t>ソウゴウテキ</t>
    </rPh>
    <rPh sb="142" eb="144">
      <t>ヒョウカ</t>
    </rPh>
    <phoneticPr fontId="1"/>
  </si>
  <si>
    <t>日本語や英語の論文・文章の内容を的確に把握した上で、その内容に関連した事項等について日本語や英語で記述させる問題や自らの考えを日本語や英語で記述させる問題を出題する</t>
    <rPh sb="0" eb="3">
      <t>ニホンゴ</t>
    </rPh>
    <rPh sb="4" eb="6">
      <t>エイゴ</t>
    </rPh>
    <rPh sb="7" eb="9">
      <t>ロンブン</t>
    </rPh>
    <rPh sb="10" eb="12">
      <t>ブンショウ</t>
    </rPh>
    <rPh sb="13" eb="15">
      <t>ナイヨウ</t>
    </rPh>
    <rPh sb="16" eb="18">
      <t>テキカク</t>
    </rPh>
    <rPh sb="19" eb="21">
      <t>ハアク</t>
    </rPh>
    <rPh sb="23" eb="24">
      <t>ウエ</t>
    </rPh>
    <rPh sb="28" eb="30">
      <t>ナイヨウ</t>
    </rPh>
    <rPh sb="31" eb="33">
      <t>カンレン</t>
    </rPh>
    <rPh sb="35" eb="37">
      <t>ジコウ</t>
    </rPh>
    <rPh sb="37" eb="38">
      <t>ナド</t>
    </rPh>
    <rPh sb="42" eb="45">
      <t>ニホンゴ</t>
    </rPh>
    <rPh sb="46" eb="48">
      <t>エイゴ</t>
    </rPh>
    <rPh sb="49" eb="51">
      <t>キジュツ</t>
    </rPh>
    <rPh sb="54" eb="56">
      <t>モンダイ</t>
    </rPh>
    <rPh sb="57" eb="58">
      <t>ミズカ</t>
    </rPh>
    <rPh sb="60" eb="61">
      <t>カンガ</t>
    </rPh>
    <rPh sb="63" eb="66">
      <t>ニホンゴ</t>
    </rPh>
    <rPh sb="67" eb="69">
      <t>エイゴ</t>
    </rPh>
    <rPh sb="70" eb="72">
      <t>キジュツ</t>
    </rPh>
    <rPh sb="75" eb="77">
      <t>モンダイ</t>
    </rPh>
    <rPh sb="78" eb="80">
      <t>シュツダイ</t>
    </rPh>
    <phoneticPr fontId="1"/>
  </si>
  <si>
    <t>高知</t>
    <rPh sb="0" eb="2">
      <t>コウチ</t>
    </rPh>
    <phoneticPr fontId="1"/>
  </si>
  <si>
    <t>人文社会科学</t>
    <rPh sb="0" eb="2">
      <t>ジンブン</t>
    </rPh>
    <rPh sb="2" eb="6">
      <t>シャカイカガク</t>
    </rPh>
    <phoneticPr fontId="1"/>
  </si>
  <si>
    <t>高知</t>
  </si>
  <si>
    <t>社会科学</t>
  </si>
  <si>
    <t>社会に関する課題文を提示する</t>
    <rPh sb="3" eb="4">
      <t>カン</t>
    </rPh>
    <rPh sb="6" eb="9">
      <t>カダイブン</t>
    </rPh>
    <rPh sb="10" eb="12">
      <t>テイジ</t>
    </rPh>
    <phoneticPr fontId="1"/>
  </si>
  <si>
    <t>地域協働</t>
    <rPh sb="0" eb="2">
      <t>チイキ</t>
    </rPh>
    <rPh sb="2" eb="4">
      <t>キョウドウ</t>
    </rPh>
    <phoneticPr fontId="1"/>
  </si>
  <si>
    <t>地域協働</t>
  </si>
  <si>
    <t>地域社会の問題に関する課題文を提示する</t>
    <rPh sb="0" eb="2">
      <t>チイキ</t>
    </rPh>
    <rPh sb="2" eb="4">
      <t>シャカイ</t>
    </rPh>
    <rPh sb="5" eb="7">
      <t>モンダイ</t>
    </rPh>
    <rPh sb="8" eb="9">
      <t>カン</t>
    </rPh>
    <rPh sb="11" eb="14">
      <t>カダイブン</t>
    </rPh>
    <rPh sb="15" eb="17">
      <t>テイジ</t>
    </rPh>
    <phoneticPr fontId="1"/>
  </si>
  <si>
    <t>愛媛県立医療技術</t>
  </si>
  <si>
    <t>保健科学</t>
  </si>
  <si>
    <t>英文による出題を含む</t>
    <rPh sb="0" eb="2">
      <t>エイブン</t>
    </rPh>
    <rPh sb="5" eb="7">
      <t>シュツダイ</t>
    </rPh>
    <rPh sb="8" eb="9">
      <t>フク</t>
    </rPh>
    <phoneticPr fontId="1"/>
  </si>
  <si>
    <t>高知県立</t>
  </si>
  <si>
    <t>日本および世界の文化についての知識・理解力、併せて英語の読解力・表現力を総合的に評価する</t>
    <rPh sb="0" eb="2">
      <t>ニホン</t>
    </rPh>
    <rPh sb="5" eb="7">
      <t>セカイ</t>
    </rPh>
    <rPh sb="8" eb="10">
      <t>ブンカ</t>
    </rPh>
    <rPh sb="15" eb="17">
      <t>チシキ</t>
    </rPh>
    <rPh sb="18" eb="21">
      <t>リカイリョク</t>
    </rPh>
    <rPh sb="22" eb="23">
      <t>アワ</t>
    </rPh>
    <rPh sb="25" eb="27">
      <t>エイゴ</t>
    </rPh>
    <rPh sb="36" eb="39">
      <t>ソウゴウテキ</t>
    </rPh>
    <rPh sb="40" eb="42">
      <t>ヒョウカ</t>
    </rPh>
    <phoneticPr fontId="1"/>
  </si>
  <si>
    <t>人間や健康に関わる現象あるいは論文・評論等を題材とする</t>
    <rPh sb="0" eb="2">
      <t>ニンゲン</t>
    </rPh>
    <rPh sb="3" eb="5">
      <t>ケンコウ</t>
    </rPh>
    <rPh sb="6" eb="7">
      <t>カカ</t>
    </rPh>
    <rPh sb="9" eb="11">
      <t>ゲンショウ</t>
    </rPh>
    <rPh sb="15" eb="17">
      <t>ロンブン</t>
    </rPh>
    <rPh sb="18" eb="20">
      <t>ヒョウロン</t>
    </rPh>
    <rPh sb="20" eb="21">
      <t>ナド</t>
    </rPh>
    <rPh sb="22" eb="24">
      <t>ダイザイ</t>
    </rPh>
    <phoneticPr fontId="1"/>
  </si>
  <si>
    <t>北九州市立</t>
  </si>
  <si>
    <t>比較文化</t>
  </si>
  <si>
    <t xml:space="preserve">現代文と英語の理解力、表現力、語彙力を問う
</t>
    <rPh sb="0" eb="2">
      <t>ゲンダイ</t>
    </rPh>
    <rPh sb="2" eb="3">
      <t>ブン</t>
    </rPh>
    <rPh sb="4" eb="6">
      <t>エイゴ</t>
    </rPh>
    <rPh sb="7" eb="10">
      <t>リカイリョク</t>
    </rPh>
    <rPh sb="11" eb="14">
      <t>ヒョウゲンリョク</t>
    </rPh>
    <rPh sb="15" eb="17">
      <t>ゴイ</t>
    </rPh>
    <rPh sb="17" eb="18">
      <t>リョク</t>
    </rPh>
    <rPh sb="19" eb="20">
      <t>ト</t>
    </rPh>
    <phoneticPr fontId="1"/>
  </si>
  <si>
    <t xml:space="preserve">現代文の理解力、表現力を問う
</t>
    <rPh sb="0" eb="2">
      <t>ゲンダイ</t>
    </rPh>
    <rPh sb="2" eb="3">
      <t>ブン</t>
    </rPh>
    <rPh sb="4" eb="7">
      <t>リカイリョク</t>
    </rPh>
    <rPh sb="8" eb="11">
      <t>ヒョウゲンリョク</t>
    </rPh>
    <rPh sb="12" eb="13">
      <t>ト</t>
    </rPh>
    <phoneticPr fontId="1"/>
  </si>
  <si>
    <t>九州</t>
  </si>
  <si>
    <t>問題に英文を含むことがある</t>
  </si>
  <si>
    <t>経済･経営</t>
  </si>
  <si>
    <t>英文を主とした出題により英語の学力および社会・文化に関する理解力と思考力をみる</t>
    <rPh sb="0" eb="2">
      <t>エイブン</t>
    </rPh>
    <rPh sb="3" eb="4">
      <t>シュ</t>
    </rPh>
    <rPh sb="7" eb="9">
      <t>シュツダイ</t>
    </rPh>
    <rPh sb="12" eb="14">
      <t>エイゴ</t>
    </rPh>
    <rPh sb="15" eb="17">
      <t>ガクリョク</t>
    </rPh>
    <rPh sb="20" eb="22">
      <t>シャカイ</t>
    </rPh>
    <rPh sb="23" eb="25">
      <t>ブンカ</t>
    </rPh>
    <rPh sb="26" eb="27">
      <t>カン</t>
    </rPh>
    <rPh sb="29" eb="32">
      <t>リカイリョク</t>
    </rPh>
    <rPh sb="33" eb="36">
      <t>シコウリョク</t>
    </rPh>
    <phoneticPr fontId="1"/>
  </si>
  <si>
    <t>経済工</t>
  </si>
  <si>
    <t>数学的思考力をみる</t>
    <rPh sb="0" eb="3">
      <t>スウガクテキ</t>
    </rPh>
    <rPh sb="3" eb="6">
      <t>シコウリョク</t>
    </rPh>
    <phoneticPr fontId="1"/>
  </si>
  <si>
    <t>生物資源環境</t>
  </si>
  <si>
    <t>問題に英文を含む</t>
  </si>
  <si>
    <t>九州歯科</t>
  </si>
  <si>
    <t>理科総合</t>
    <rPh sb="0" eb="4">
      <t>リカソウゴウ</t>
    </rPh>
    <phoneticPr fontId="1"/>
  </si>
  <si>
    <t>高校までに得た基礎学力を前提に、自然科学あるいは医療に関係する文章および図や表を与えて、理解力、論理的思考力、表現力等を総合的に評価する（理科に関する内容については、物理基礎、化学基礎、生物基礎を範囲とし、範囲を超えた題材を用いる等の場合は、一定の配慮を行う）</t>
    <rPh sb="0" eb="2">
      <t>コウコウ</t>
    </rPh>
    <rPh sb="5" eb="6">
      <t>エ</t>
    </rPh>
    <rPh sb="7" eb="9">
      <t>キソ</t>
    </rPh>
    <rPh sb="9" eb="11">
      <t>ガクリョク</t>
    </rPh>
    <rPh sb="12" eb="14">
      <t>ゼンテイ</t>
    </rPh>
    <rPh sb="16" eb="18">
      <t>シゼン</t>
    </rPh>
    <rPh sb="18" eb="20">
      <t>カガク</t>
    </rPh>
    <rPh sb="24" eb="26">
      <t>イリョウ</t>
    </rPh>
    <rPh sb="27" eb="29">
      <t>カンケイ</t>
    </rPh>
    <rPh sb="31" eb="33">
      <t>ブンショウ</t>
    </rPh>
    <rPh sb="36" eb="37">
      <t>ズ</t>
    </rPh>
    <rPh sb="38" eb="39">
      <t>ヒョウ</t>
    </rPh>
    <rPh sb="40" eb="41">
      <t>アタ</t>
    </rPh>
    <rPh sb="44" eb="47">
      <t>リカイリョク</t>
    </rPh>
    <rPh sb="48" eb="51">
      <t>ロンリテキ</t>
    </rPh>
    <rPh sb="51" eb="54">
      <t>シコウリョク</t>
    </rPh>
    <rPh sb="55" eb="58">
      <t>ヒョウゲンリョク</t>
    </rPh>
    <rPh sb="58" eb="59">
      <t>ナド</t>
    </rPh>
    <rPh sb="60" eb="63">
      <t>ソウゴウテキ</t>
    </rPh>
    <rPh sb="64" eb="66">
      <t>ヒョウカ</t>
    </rPh>
    <rPh sb="69" eb="71">
      <t>リカ</t>
    </rPh>
    <rPh sb="72" eb="73">
      <t>カン</t>
    </rPh>
    <rPh sb="75" eb="77">
      <t>ナイヨウ</t>
    </rPh>
    <rPh sb="83" eb="85">
      <t>ブツリ</t>
    </rPh>
    <rPh sb="85" eb="87">
      <t>キソ</t>
    </rPh>
    <rPh sb="88" eb="90">
      <t>カガク</t>
    </rPh>
    <rPh sb="90" eb="92">
      <t>キソ</t>
    </rPh>
    <rPh sb="93" eb="95">
      <t>セイブツ</t>
    </rPh>
    <rPh sb="95" eb="97">
      <t>キソ</t>
    </rPh>
    <rPh sb="98" eb="100">
      <t>ハンイ</t>
    </rPh>
    <rPh sb="103" eb="105">
      <t>ハンイ</t>
    </rPh>
    <rPh sb="106" eb="107">
      <t>コ</t>
    </rPh>
    <rPh sb="109" eb="111">
      <t>ダイザイ</t>
    </rPh>
    <rPh sb="112" eb="113">
      <t>モチ</t>
    </rPh>
    <rPh sb="115" eb="116">
      <t>ナド</t>
    </rPh>
    <rPh sb="117" eb="119">
      <t>バアイ</t>
    </rPh>
    <rPh sb="121" eb="123">
      <t>イッテイ</t>
    </rPh>
    <rPh sb="124" eb="126">
      <t>ハイリョ</t>
    </rPh>
    <rPh sb="127" eb="128">
      <t>オコナ</t>
    </rPh>
    <phoneticPr fontId="1"/>
  </si>
  <si>
    <t>口腔保健</t>
  </si>
  <si>
    <t>高校までに得た基礎学力を前提に、自然科学あるいは医療に関係する文章および図や表を与えて、理解力、論理的思考力、表現力等を総合的に評価する（理科に関する内容については、物理基礎、化学基礎、生物基礎を範囲とする）</t>
    <rPh sb="0" eb="2">
      <t>コウコウ</t>
    </rPh>
    <rPh sb="5" eb="6">
      <t>エ</t>
    </rPh>
    <rPh sb="7" eb="9">
      <t>キソ</t>
    </rPh>
    <rPh sb="9" eb="11">
      <t>ガクリョク</t>
    </rPh>
    <rPh sb="12" eb="14">
      <t>ゼンテイ</t>
    </rPh>
    <rPh sb="16" eb="18">
      <t>シゼン</t>
    </rPh>
    <rPh sb="18" eb="20">
      <t>カガク</t>
    </rPh>
    <rPh sb="24" eb="26">
      <t>イリョウ</t>
    </rPh>
    <rPh sb="27" eb="29">
      <t>カンケイ</t>
    </rPh>
    <rPh sb="31" eb="33">
      <t>ブンショウ</t>
    </rPh>
    <rPh sb="36" eb="37">
      <t>ズ</t>
    </rPh>
    <rPh sb="38" eb="39">
      <t>ヒョウ</t>
    </rPh>
    <rPh sb="40" eb="41">
      <t>アタ</t>
    </rPh>
    <rPh sb="44" eb="47">
      <t>リカイリョク</t>
    </rPh>
    <rPh sb="48" eb="51">
      <t>ロンリテキ</t>
    </rPh>
    <rPh sb="51" eb="54">
      <t>シコウリョク</t>
    </rPh>
    <rPh sb="55" eb="58">
      <t>ヒョウゲンリョク</t>
    </rPh>
    <rPh sb="58" eb="59">
      <t>ナド</t>
    </rPh>
    <rPh sb="60" eb="63">
      <t>ソウゴウテキ</t>
    </rPh>
    <rPh sb="64" eb="66">
      <t>ヒョウカ</t>
    </rPh>
    <rPh sb="69" eb="71">
      <t>リカ</t>
    </rPh>
    <rPh sb="72" eb="73">
      <t>カン</t>
    </rPh>
    <rPh sb="75" eb="77">
      <t>ナイヨウ</t>
    </rPh>
    <rPh sb="83" eb="85">
      <t>ブツリ</t>
    </rPh>
    <rPh sb="85" eb="87">
      <t>キソ</t>
    </rPh>
    <rPh sb="88" eb="90">
      <t>カガク</t>
    </rPh>
    <rPh sb="90" eb="92">
      <t>キソ</t>
    </rPh>
    <rPh sb="93" eb="95">
      <t>セイブツ</t>
    </rPh>
    <rPh sb="95" eb="97">
      <t>キソ</t>
    </rPh>
    <rPh sb="98" eb="100">
      <t>ハンイ</t>
    </rPh>
    <phoneticPr fontId="1"/>
  </si>
  <si>
    <t>福岡教育</t>
  </si>
  <si>
    <t>初等－幼児教育・小学校教育</t>
  </si>
  <si>
    <t>前・後</t>
    <rPh sb="0" eb="1">
      <t>マエ</t>
    </rPh>
    <rPh sb="2" eb="3">
      <t>ウシ</t>
    </rPh>
    <phoneticPr fontId="1"/>
  </si>
  <si>
    <t>教育に関わる内容を出題</t>
    <rPh sb="0" eb="2">
      <t>キョウイク</t>
    </rPh>
    <rPh sb="3" eb="4">
      <t>カカ</t>
    </rPh>
    <rPh sb="6" eb="8">
      <t>ナイヨウ</t>
    </rPh>
    <rPh sb="9" eb="11">
      <t>シュツダイ</t>
    </rPh>
    <phoneticPr fontId="1"/>
  </si>
  <si>
    <t>初等－人文・社会教育（社会科）、中等－社会科</t>
  </si>
  <si>
    <t xml:space="preserve">社会を考える内容を出題
</t>
    <rPh sb="0" eb="2">
      <t>シャカイ</t>
    </rPh>
    <rPh sb="3" eb="4">
      <t>カンガ</t>
    </rPh>
    <rPh sb="6" eb="8">
      <t>ナイヨウ</t>
    </rPh>
    <phoneticPr fontId="1"/>
  </si>
  <si>
    <t>初等－人文･社会教育・理数教育</t>
  </si>
  <si>
    <t>後</t>
    <rPh sb="0" eb="1">
      <t>ノチ</t>
    </rPh>
    <phoneticPr fontId="1"/>
  </si>
  <si>
    <t>教育に関わる内容を出題</t>
    <rPh sb="3" eb="4">
      <t>カカ</t>
    </rPh>
    <rPh sb="6" eb="8">
      <t>ナイヨウ</t>
    </rPh>
    <rPh sb="9" eb="11">
      <t>シュツダイ</t>
    </rPh>
    <phoneticPr fontId="1"/>
  </si>
  <si>
    <t>初等－芸術・実技教育（美術）、中等－美術</t>
  </si>
  <si>
    <t>美術作品に関わる内容を出題</t>
    <rPh sb="0" eb="4">
      <t>ビジュツサクヒン</t>
    </rPh>
    <rPh sb="5" eb="6">
      <t>カカ</t>
    </rPh>
    <rPh sb="8" eb="10">
      <t>ナイヨウ</t>
    </rPh>
    <rPh sb="11" eb="13">
      <t>シュツダイ</t>
    </rPh>
    <phoneticPr fontId="1"/>
  </si>
  <si>
    <t>初等－芸術・実技教育（家庭）、中等－家庭</t>
  </si>
  <si>
    <t>家庭（家庭基礎、家庭総合）に関する内容を出題</t>
    <rPh sb="0" eb="2">
      <t>カテイ</t>
    </rPh>
    <rPh sb="3" eb="7">
      <t>カテイキソ</t>
    </rPh>
    <rPh sb="8" eb="10">
      <t>カテイ</t>
    </rPh>
    <rPh sb="10" eb="12">
      <t>ソウゴウ</t>
    </rPh>
    <rPh sb="14" eb="15">
      <t>カン</t>
    </rPh>
    <rPh sb="17" eb="19">
      <t>ナイヨウ</t>
    </rPh>
    <phoneticPr fontId="1"/>
  </si>
  <si>
    <t>中等－理科</t>
  </si>
  <si>
    <t>学校教育や教科に関連する課題について出題</t>
    <rPh sb="0" eb="2">
      <t>ガッコウ</t>
    </rPh>
    <rPh sb="2" eb="4">
      <t>キョウイク</t>
    </rPh>
    <rPh sb="5" eb="7">
      <t>キョウカ</t>
    </rPh>
    <rPh sb="8" eb="10">
      <t>カンレン</t>
    </rPh>
    <rPh sb="12" eb="14">
      <t>カダイ</t>
    </rPh>
    <rPh sb="18" eb="20">
      <t>シュツダイ</t>
    </rPh>
    <phoneticPr fontId="1"/>
  </si>
  <si>
    <t>中等－音楽</t>
  </si>
  <si>
    <t>音楽教育に関わる内容を出題</t>
    <rPh sb="0" eb="2">
      <t>オンガク</t>
    </rPh>
    <rPh sb="2" eb="4">
      <t>キョウイク</t>
    </rPh>
    <rPh sb="5" eb="6">
      <t>カカ</t>
    </rPh>
    <rPh sb="8" eb="10">
      <t>ナイヨウ</t>
    </rPh>
    <rPh sb="11" eb="13">
      <t>シュツダイ</t>
    </rPh>
    <phoneticPr fontId="1"/>
  </si>
  <si>
    <t>書道・書道教育に関する内容を出題</t>
    <rPh sb="0" eb="2">
      <t>ショドウ</t>
    </rPh>
    <rPh sb="3" eb="7">
      <t>ショドウキョウイク</t>
    </rPh>
    <rPh sb="8" eb="9">
      <t>カン</t>
    </rPh>
    <rPh sb="11" eb="13">
      <t>ナイヨウ</t>
    </rPh>
    <rPh sb="14" eb="16">
      <t>シュツダイ</t>
    </rPh>
    <phoneticPr fontId="1"/>
  </si>
  <si>
    <t>福岡女子</t>
  </si>
  <si>
    <t>国際文理</t>
  </si>
  <si>
    <t>高等学校の学習一般を前提とし、環境科学や自然科学に関した事柄について筆記を主体とした試験。思考力、理解力、表現力、論理性等を総合的に問う。英文による出題を一部含む</t>
    <rPh sb="60" eb="61">
      <t>ナド</t>
    </rPh>
    <rPh sb="69" eb="71">
      <t>エイブン</t>
    </rPh>
    <rPh sb="74" eb="76">
      <t>シュツダイ</t>
    </rPh>
    <rPh sb="77" eb="79">
      <t>イチブ</t>
    </rPh>
    <rPh sb="79" eb="80">
      <t>フク</t>
    </rPh>
    <phoneticPr fontId="1"/>
  </si>
  <si>
    <t>佐賀</t>
  </si>
  <si>
    <t>芸術地域デザイン</t>
  </si>
  <si>
    <t>地域デザイン</t>
  </si>
  <si>
    <t>文章（英文を含む）や資料（図表、写真、絵、地図等）を題材に、読解力、論理的思考力、分析力、考察力を問う</t>
    <rPh sb="0" eb="2">
      <t>ブンショウ</t>
    </rPh>
    <rPh sb="3" eb="5">
      <t>エイブン</t>
    </rPh>
    <rPh sb="6" eb="7">
      <t>フク</t>
    </rPh>
    <rPh sb="10" eb="12">
      <t>シリョウ</t>
    </rPh>
    <rPh sb="13" eb="15">
      <t>ズヒョウ</t>
    </rPh>
    <rPh sb="16" eb="18">
      <t>シャシン</t>
    </rPh>
    <rPh sb="19" eb="20">
      <t>エ</t>
    </rPh>
    <rPh sb="21" eb="23">
      <t>チズ</t>
    </rPh>
    <rPh sb="23" eb="24">
      <t>ナド</t>
    </rPh>
    <rPh sb="26" eb="28">
      <t>ダイザイ</t>
    </rPh>
    <rPh sb="30" eb="33">
      <t>ドッカイリョク</t>
    </rPh>
    <rPh sb="34" eb="37">
      <t>ロンリテキ</t>
    </rPh>
    <rPh sb="37" eb="39">
      <t>シコウ</t>
    </rPh>
    <rPh sb="39" eb="40">
      <t>リョク</t>
    </rPh>
    <rPh sb="41" eb="43">
      <t>ブンセキ</t>
    </rPh>
    <rPh sb="43" eb="44">
      <t>リョク</t>
    </rPh>
    <rPh sb="45" eb="47">
      <t>コウサツ</t>
    </rPh>
    <rPh sb="47" eb="48">
      <t>リョク</t>
    </rPh>
    <rPh sb="49" eb="50">
      <t>ト</t>
    </rPh>
    <phoneticPr fontId="1"/>
  </si>
  <si>
    <t>問題解決・提案力テスト</t>
    <rPh sb="0" eb="2">
      <t>モンダイ</t>
    </rPh>
    <rPh sb="2" eb="4">
      <t>カイケツ</t>
    </rPh>
    <rPh sb="5" eb="7">
      <t>テイアン</t>
    </rPh>
    <rPh sb="7" eb="8">
      <t>リョク</t>
    </rPh>
    <phoneticPr fontId="1"/>
  </si>
  <si>
    <t>地域や社会に関する課題や事象に対する解決策や提案を、文章や図表、絵等により、解答用紙に簡潔にまとめたものについて、企画力、発想力、表現力等を含む問題解決能力および提案力を総合的に評価する</t>
    <rPh sb="0" eb="2">
      <t>チイキ</t>
    </rPh>
    <rPh sb="3" eb="5">
      <t>シャカイ</t>
    </rPh>
    <rPh sb="6" eb="7">
      <t>カン</t>
    </rPh>
    <rPh sb="9" eb="11">
      <t>カダイ</t>
    </rPh>
    <rPh sb="12" eb="14">
      <t>ジショウ</t>
    </rPh>
    <rPh sb="15" eb="16">
      <t>タイ</t>
    </rPh>
    <rPh sb="18" eb="21">
      <t>カイケツサク</t>
    </rPh>
    <rPh sb="22" eb="24">
      <t>テイアン</t>
    </rPh>
    <rPh sb="26" eb="28">
      <t>ブンショウ</t>
    </rPh>
    <rPh sb="29" eb="31">
      <t>ズヒョウ</t>
    </rPh>
    <rPh sb="32" eb="33">
      <t>エ</t>
    </rPh>
    <rPh sb="33" eb="34">
      <t>ナド</t>
    </rPh>
    <rPh sb="38" eb="40">
      <t>カイトウ</t>
    </rPh>
    <rPh sb="40" eb="42">
      <t>ヨウシ</t>
    </rPh>
    <rPh sb="43" eb="45">
      <t>カンケツ</t>
    </rPh>
    <rPh sb="57" eb="59">
      <t>キカク</t>
    </rPh>
    <rPh sb="59" eb="60">
      <t>リョク</t>
    </rPh>
    <rPh sb="61" eb="63">
      <t>ハッソウ</t>
    </rPh>
    <rPh sb="63" eb="64">
      <t>リョク</t>
    </rPh>
    <rPh sb="65" eb="67">
      <t>ヒョウゲン</t>
    </rPh>
    <rPh sb="67" eb="68">
      <t>リョク</t>
    </rPh>
    <rPh sb="68" eb="69">
      <t>ナド</t>
    </rPh>
    <rPh sb="70" eb="71">
      <t>フク</t>
    </rPh>
    <rPh sb="72" eb="74">
      <t>モンダイ</t>
    </rPh>
    <rPh sb="74" eb="76">
      <t>カイケツ</t>
    </rPh>
    <rPh sb="76" eb="78">
      <t>ノウリョク</t>
    </rPh>
    <rPh sb="81" eb="83">
      <t>テイアン</t>
    </rPh>
    <rPh sb="83" eb="84">
      <t>リョク</t>
    </rPh>
    <rPh sb="85" eb="87">
      <t>ソウゴウ</t>
    </rPh>
    <rPh sb="87" eb="88">
      <t>テキ</t>
    </rPh>
    <rPh sb="89" eb="91">
      <t>ヒョウカ</t>
    </rPh>
    <phoneticPr fontId="1"/>
  </si>
  <si>
    <t>長崎</t>
  </si>
  <si>
    <t>高等学校の学習一般（数学、物理、化学）を前提とした筆記試験であり、数学（基本的な計算問題を主とする）２問、物理２問、化学２問の計６問からその場で任意の４問を選択する方式とし、成績を点数評価する
・出題範囲
　数学：数Ⅰ、数Ａ、数Ⅱ、数Ｂ、数Ⅲ、数C
　物理：「物理基礎」および「物理」の全範囲
　化学：「化学基礎」および「化学」の全範囲</t>
    <rPh sb="0" eb="2">
      <t>コウトウ</t>
    </rPh>
    <rPh sb="2" eb="4">
      <t>ガッコウ</t>
    </rPh>
    <rPh sb="5" eb="7">
      <t>ガクシュウ</t>
    </rPh>
    <rPh sb="7" eb="9">
      <t>イッパン</t>
    </rPh>
    <rPh sb="10" eb="11">
      <t>スウ</t>
    </rPh>
    <rPh sb="11" eb="12">
      <t>ガク</t>
    </rPh>
    <rPh sb="13" eb="15">
      <t>ブツリ</t>
    </rPh>
    <rPh sb="16" eb="18">
      <t>カガク</t>
    </rPh>
    <rPh sb="20" eb="22">
      <t>ゼンテイ</t>
    </rPh>
    <rPh sb="25" eb="27">
      <t>ヒッキ</t>
    </rPh>
    <rPh sb="27" eb="29">
      <t>シケン</t>
    </rPh>
    <rPh sb="33" eb="35">
      <t>スウガク</t>
    </rPh>
    <rPh sb="36" eb="39">
      <t>キホンテキ</t>
    </rPh>
    <rPh sb="40" eb="42">
      <t>ケイサン</t>
    </rPh>
    <rPh sb="42" eb="44">
      <t>モンダイ</t>
    </rPh>
    <rPh sb="45" eb="46">
      <t>シュ</t>
    </rPh>
    <rPh sb="51" eb="52">
      <t>モン</t>
    </rPh>
    <rPh sb="53" eb="55">
      <t>ブツリ</t>
    </rPh>
    <rPh sb="56" eb="57">
      <t>モン</t>
    </rPh>
    <rPh sb="58" eb="60">
      <t>カガク</t>
    </rPh>
    <rPh sb="61" eb="62">
      <t>モン</t>
    </rPh>
    <rPh sb="63" eb="64">
      <t>ケイ</t>
    </rPh>
    <rPh sb="65" eb="66">
      <t>モン</t>
    </rPh>
    <rPh sb="70" eb="71">
      <t>バ</t>
    </rPh>
    <rPh sb="72" eb="74">
      <t>ニンイ</t>
    </rPh>
    <rPh sb="76" eb="77">
      <t>モン</t>
    </rPh>
    <rPh sb="78" eb="80">
      <t>センタク</t>
    </rPh>
    <rPh sb="82" eb="84">
      <t>ホウシキ</t>
    </rPh>
    <rPh sb="87" eb="89">
      <t>セイセキ</t>
    </rPh>
    <rPh sb="90" eb="92">
      <t>テンスウ</t>
    </rPh>
    <rPh sb="92" eb="94">
      <t>ヒョウカ</t>
    </rPh>
    <rPh sb="98" eb="100">
      <t>シュツダイ</t>
    </rPh>
    <rPh sb="100" eb="102">
      <t>ハンイ</t>
    </rPh>
    <rPh sb="104" eb="106">
      <t>スウガク</t>
    </rPh>
    <rPh sb="107" eb="108">
      <t>スウ</t>
    </rPh>
    <rPh sb="110" eb="111">
      <t>スウ</t>
    </rPh>
    <rPh sb="113" eb="114">
      <t>スウ</t>
    </rPh>
    <rPh sb="116" eb="117">
      <t>スウ</t>
    </rPh>
    <rPh sb="119" eb="120">
      <t>スウ</t>
    </rPh>
    <rPh sb="122" eb="123">
      <t>スウ</t>
    </rPh>
    <rPh sb="126" eb="128">
      <t>ブツリ</t>
    </rPh>
    <rPh sb="130" eb="132">
      <t>ブツリ</t>
    </rPh>
    <rPh sb="132" eb="134">
      <t>キソ</t>
    </rPh>
    <rPh sb="139" eb="141">
      <t>ブツリ</t>
    </rPh>
    <rPh sb="143" eb="144">
      <t>スベ</t>
    </rPh>
    <rPh sb="144" eb="146">
      <t>ハンイ</t>
    </rPh>
    <rPh sb="148" eb="150">
      <t>カガク</t>
    </rPh>
    <phoneticPr fontId="1"/>
  </si>
  <si>
    <t>水産</t>
  </si>
  <si>
    <t>高等学校の学習一般を前提とし、筆記を主体とした試験であり、考察力、論理的思考力、理解力、記述力、表現力等を総合的に問う</t>
    <rPh sb="15" eb="17">
      <t>ヒッキ</t>
    </rPh>
    <rPh sb="18" eb="20">
      <t>シュタイ</t>
    </rPh>
    <rPh sb="23" eb="25">
      <t>シケン</t>
    </rPh>
    <rPh sb="29" eb="31">
      <t>コウサツ</t>
    </rPh>
    <rPh sb="31" eb="32">
      <t>リョク</t>
    </rPh>
    <rPh sb="33" eb="35">
      <t>ロンリ</t>
    </rPh>
    <rPh sb="35" eb="36">
      <t>テキ</t>
    </rPh>
    <rPh sb="36" eb="39">
      <t>シコウリョク</t>
    </rPh>
    <rPh sb="40" eb="43">
      <t>リカイリョク</t>
    </rPh>
    <rPh sb="44" eb="46">
      <t>キジュツ</t>
    </rPh>
    <rPh sb="46" eb="47">
      <t>リョク</t>
    </rPh>
    <rPh sb="48" eb="50">
      <t>ヒョウゲン</t>
    </rPh>
    <rPh sb="50" eb="51">
      <t>リョク</t>
    </rPh>
    <rPh sb="51" eb="52">
      <t>ナド</t>
    </rPh>
    <rPh sb="53" eb="55">
      <t>ソウゴウ</t>
    </rPh>
    <rPh sb="55" eb="56">
      <t>テキ</t>
    </rPh>
    <rPh sb="57" eb="58">
      <t>ト</t>
    </rPh>
    <phoneticPr fontId="1"/>
  </si>
  <si>
    <t>情報データ科学</t>
    <rPh sb="5" eb="7">
      <t>カガク</t>
    </rPh>
    <phoneticPr fontId="1"/>
  </si>
  <si>
    <t>情報データ科学</t>
  </si>
  <si>
    <t>課題に対する理解、批判的思考能力と思考内容を論理的に表現できる力を評価する</t>
    <rPh sb="0" eb="2">
      <t>カダイ</t>
    </rPh>
    <rPh sb="3" eb="4">
      <t>タイ</t>
    </rPh>
    <rPh sb="6" eb="8">
      <t>リカイ</t>
    </rPh>
    <rPh sb="9" eb="12">
      <t>ヒハンテキ</t>
    </rPh>
    <rPh sb="12" eb="16">
      <t>シコウノウリョク</t>
    </rPh>
    <rPh sb="17" eb="19">
      <t>シコウ</t>
    </rPh>
    <rPh sb="19" eb="21">
      <t>ナイヨウ</t>
    </rPh>
    <rPh sb="22" eb="25">
      <t>ロンリテキ</t>
    </rPh>
    <rPh sb="26" eb="28">
      <t>ヒョウゲン</t>
    </rPh>
    <rPh sb="31" eb="32">
      <t>チカラ</t>
    </rPh>
    <rPh sb="33" eb="35">
      <t>ヒョウカ</t>
    </rPh>
    <phoneticPr fontId="1"/>
  </si>
  <si>
    <t>熊本</t>
  </si>
  <si>
    <t>課題文を題材として設問し、読解力、理解力、論理的思考力および表現力をみる</t>
    <rPh sb="0" eb="3">
      <t>カダイブン</t>
    </rPh>
    <rPh sb="4" eb="6">
      <t>ダイザイ</t>
    </rPh>
    <rPh sb="9" eb="11">
      <t>セツモン</t>
    </rPh>
    <rPh sb="13" eb="16">
      <t>ドッカイリョク</t>
    </rPh>
    <rPh sb="17" eb="20">
      <t>リカイリョク</t>
    </rPh>
    <rPh sb="21" eb="26">
      <t>ロンリテキシコウ</t>
    </rPh>
    <rPh sb="26" eb="27">
      <t>リョク</t>
    </rPh>
    <rPh sb="30" eb="33">
      <t>ヒョウゲンリョク</t>
    </rPh>
    <phoneticPr fontId="1"/>
  </si>
  <si>
    <t>土木建築</t>
  </si>
  <si>
    <t>土木・建築分野に関連の深い問題についての意見や考え方を論述・図示させる</t>
    <rPh sb="0" eb="2">
      <t>ドボク</t>
    </rPh>
    <rPh sb="3" eb="5">
      <t>ケンチク</t>
    </rPh>
    <rPh sb="5" eb="7">
      <t>ブンヤ</t>
    </rPh>
    <rPh sb="8" eb="10">
      <t>カンレン</t>
    </rPh>
    <rPh sb="11" eb="12">
      <t>フカ</t>
    </rPh>
    <rPh sb="13" eb="15">
      <t>モンダイ</t>
    </rPh>
    <rPh sb="20" eb="22">
      <t>イケン</t>
    </rPh>
    <rPh sb="23" eb="24">
      <t>カンガ</t>
    </rPh>
    <rPh sb="25" eb="26">
      <t>カタ</t>
    </rPh>
    <rPh sb="27" eb="29">
      <t>ロンジュツ</t>
    </rPh>
    <rPh sb="30" eb="32">
      <t>ズシ</t>
    </rPh>
    <phoneticPr fontId="1"/>
  </si>
  <si>
    <t>熊本県立</t>
  </si>
  <si>
    <t>文</t>
    <rPh sb="0" eb="1">
      <t>ブン</t>
    </rPh>
    <phoneticPr fontId="1"/>
  </si>
  <si>
    <t>日本語日本文</t>
  </si>
  <si>
    <t>日本語、日本文学等、人文学に関するもの</t>
    <rPh sb="0" eb="3">
      <t>ニホンゴ</t>
    </rPh>
    <rPh sb="4" eb="6">
      <t>ニホン</t>
    </rPh>
    <rPh sb="6" eb="8">
      <t>ブンガク</t>
    </rPh>
    <rPh sb="8" eb="9">
      <t>ナド</t>
    </rPh>
    <rPh sb="10" eb="12">
      <t>ジンブン</t>
    </rPh>
    <rPh sb="12" eb="13">
      <t>ガク</t>
    </rPh>
    <rPh sb="14" eb="15">
      <t>カン</t>
    </rPh>
    <phoneticPr fontId="1"/>
  </si>
  <si>
    <t>総合管理</t>
  </si>
  <si>
    <t>英文資料の読解を含む</t>
    <rPh sb="0" eb="2">
      <t>エイブン</t>
    </rPh>
    <rPh sb="2" eb="4">
      <t>シリョウ</t>
    </rPh>
    <rPh sb="5" eb="7">
      <t>ドッカイ</t>
    </rPh>
    <rPh sb="8" eb="9">
      <t>フク</t>
    </rPh>
    <phoneticPr fontId="1"/>
  </si>
  <si>
    <t>大分</t>
  </si>
  <si>
    <t>総合経済</t>
  </si>
  <si>
    <t>広く社会科学的素材に基づく出題を行う。ただし、専門的知識・用語は必要としない</t>
    <rPh sb="0" eb="1">
      <t>ヒロ</t>
    </rPh>
    <rPh sb="2" eb="4">
      <t>シャカイ</t>
    </rPh>
    <rPh sb="4" eb="7">
      <t>カガクテキ</t>
    </rPh>
    <rPh sb="7" eb="9">
      <t>ソザイ</t>
    </rPh>
    <rPh sb="10" eb="11">
      <t>モト</t>
    </rPh>
    <rPh sb="13" eb="15">
      <t>シュツダイ</t>
    </rPh>
    <rPh sb="16" eb="17">
      <t>オコナ</t>
    </rPh>
    <rPh sb="23" eb="26">
      <t>センモンテキ</t>
    </rPh>
    <rPh sb="26" eb="28">
      <t>チシキ</t>
    </rPh>
    <rPh sb="29" eb="31">
      <t>ヨウゴ</t>
    </rPh>
    <rPh sb="32" eb="34">
      <t>ヒツヨウ</t>
    </rPh>
    <phoneticPr fontId="1"/>
  </si>
  <si>
    <t>大分県立看護科学</t>
  </si>
  <si>
    <t>自然・社会・文化等に関する文章や図表を提示し、理解力、論理的思考力、表現力、課題認識力等を総合的に評価する</t>
    <rPh sb="0" eb="2">
      <t>シゼン</t>
    </rPh>
    <rPh sb="3" eb="5">
      <t>シャカイ</t>
    </rPh>
    <rPh sb="6" eb="8">
      <t>ブンカ</t>
    </rPh>
    <rPh sb="8" eb="9">
      <t>ナド</t>
    </rPh>
    <rPh sb="10" eb="11">
      <t>カン</t>
    </rPh>
    <rPh sb="13" eb="15">
      <t>ブンショウ</t>
    </rPh>
    <rPh sb="16" eb="18">
      <t>ズヒョウ</t>
    </rPh>
    <rPh sb="19" eb="21">
      <t>テイジ</t>
    </rPh>
    <rPh sb="23" eb="26">
      <t>リカイリョク</t>
    </rPh>
    <rPh sb="27" eb="33">
      <t>ロンリテキシコウリョク</t>
    </rPh>
    <rPh sb="34" eb="37">
      <t>ヒョウゲンリョク</t>
    </rPh>
    <rPh sb="38" eb="43">
      <t>カダイニンシキリョク</t>
    </rPh>
    <rPh sb="43" eb="44">
      <t>ナド</t>
    </rPh>
    <rPh sb="45" eb="48">
      <t>ソウゴウテキ</t>
    </rPh>
    <rPh sb="49" eb="51">
      <t>ヒョウカ</t>
    </rPh>
    <phoneticPr fontId="1"/>
  </si>
  <si>
    <t>鹿児島</t>
  </si>
  <si>
    <t>法経－地域社会･経済</t>
  </si>
  <si>
    <t>社会の諸事象に関する文章等を読ませる</t>
    <rPh sb="7" eb="8">
      <t>カン</t>
    </rPh>
    <rPh sb="10" eb="12">
      <t>ブンショウ</t>
    </rPh>
    <rPh sb="12" eb="13">
      <t>ナド</t>
    </rPh>
    <rPh sb="14" eb="15">
      <t>ヨ</t>
    </rPh>
    <phoneticPr fontId="1"/>
  </si>
  <si>
    <t>社会や自然の諸現象について述べた課題文等を提示する</t>
    <rPh sb="0" eb="2">
      <t>シャカイ</t>
    </rPh>
    <rPh sb="3" eb="5">
      <t>シゼン</t>
    </rPh>
    <rPh sb="6" eb="7">
      <t>ショ</t>
    </rPh>
    <rPh sb="7" eb="9">
      <t>ゲンショウ</t>
    </rPh>
    <rPh sb="13" eb="14">
      <t>ノ</t>
    </rPh>
    <rPh sb="16" eb="19">
      <t>カダイブン</t>
    </rPh>
    <rPh sb="19" eb="20">
      <t>ナド</t>
    </rPh>
    <rPh sb="21" eb="23">
      <t>テイジ</t>
    </rPh>
    <phoneticPr fontId="1"/>
  </si>
  <si>
    <t>保健－理学療法学、作業療法学</t>
  </si>
  <si>
    <t>人間の生命と社会・文化に関する課題文、資料、図表等を提示する</t>
    <rPh sb="0" eb="2">
      <t>ニンゲン</t>
    </rPh>
    <rPh sb="3" eb="5">
      <t>セイメイ</t>
    </rPh>
    <rPh sb="6" eb="8">
      <t>シャカイ</t>
    </rPh>
    <rPh sb="9" eb="11">
      <t>ブンカ</t>
    </rPh>
    <rPh sb="12" eb="13">
      <t>カン</t>
    </rPh>
    <rPh sb="15" eb="18">
      <t>カダイブン</t>
    </rPh>
    <rPh sb="19" eb="21">
      <t>シリョウ</t>
    </rPh>
    <rPh sb="22" eb="24">
      <t>ズヒョウ</t>
    </rPh>
    <rPh sb="24" eb="25">
      <t>ナド</t>
    </rPh>
    <rPh sb="26" eb="28">
      <t>テイジ</t>
    </rPh>
    <phoneticPr fontId="1"/>
  </si>
  <si>
    <t>沖縄県立芸術</t>
    <rPh sb="0" eb="4">
      <t>オキナワケンリツ</t>
    </rPh>
    <rPh sb="4" eb="6">
      <t>ゲイジュツ</t>
    </rPh>
    <phoneticPr fontId="1"/>
  </si>
  <si>
    <t>美術工芸</t>
    <rPh sb="0" eb="4">
      <t>ビジュツコウゲイ</t>
    </rPh>
    <phoneticPr fontId="1"/>
  </si>
  <si>
    <t>沖縄県立芸術</t>
  </si>
  <si>
    <t>美術工芸</t>
  </si>
  <si>
    <t>美術－絵画</t>
  </si>
  <si>
    <t>音楽文化</t>
  </si>
  <si>
    <t>井上 さつき『万博からみた音楽史』を課題図書として出題</t>
    <rPh sb="0" eb="2">
      <t>イノウエ</t>
    </rPh>
    <rPh sb="7" eb="9">
      <t>バンパク</t>
    </rPh>
    <rPh sb="13" eb="16">
      <t>オンガクシ</t>
    </rPh>
    <phoneticPr fontId="1"/>
  </si>
  <si>
    <t>名桜</t>
  </si>
  <si>
    <t>現代社会の課題をテーマとした記事や論文等を読んだ上で自らの主張と根拠を論じる</t>
    <rPh sb="0" eb="2">
      <t>ゲンダイ</t>
    </rPh>
    <rPh sb="2" eb="4">
      <t>シャカイ</t>
    </rPh>
    <rPh sb="5" eb="7">
      <t>カダイ</t>
    </rPh>
    <rPh sb="14" eb="16">
      <t>キジ</t>
    </rPh>
    <rPh sb="17" eb="19">
      <t>ロンブン</t>
    </rPh>
    <rPh sb="19" eb="20">
      <t>ナド</t>
    </rPh>
    <rPh sb="21" eb="22">
      <t>ヨ</t>
    </rPh>
    <rPh sb="24" eb="25">
      <t>ウエ</t>
    </rPh>
    <rPh sb="26" eb="27">
      <t>ミズカ</t>
    </rPh>
    <rPh sb="29" eb="31">
      <t>シュチョウ</t>
    </rPh>
    <rPh sb="32" eb="34">
      <t>コンキョ</t>
    </rPh>
    <rPh sb="35" eb="36">
      <t>ロン</t>
    </rPh>
    <phoneticPr fontId="1"/>
  </si>
  <si>
    <t>琉球</t>
    <rPh sb="0" eb="2">
      <t>リュウキュウ</t>
    </rPh>
    <phoneticPr fontId="1"/>
  </si>
  <si>
    <t>琉球</t>
  </si>
  <si>
    <t>小学校－学校教育</t>
  </si>
  <si>
    <t>教育や子どもに関する知識・理解をみる</t>
    <rPh sb="0" eb="2">
      <t>キョウイク</t>
    </rPh>
    <rPh sb="3" eb="4">
      <t>コ</t>
    </rPh>
    <rPh sb="7" eb="8">
      <t>カン</t>
    </rPh>
    <rPh sb="10" eb="12">
      <t>チシキ</t>
    </rPh>
    <rPh sb="13" eb="15">
      <t>リカイ</t>
    </rPh>
    <phoneticPr fontId="1"/>
  </si>
  <si>
    <t>物質地球科学（地球環境系）</t>
  </si>
  <si>
    <t>自然科学についての思考力、独創性、発想力および表現力等を総合的に判断、評価する</t>
    <rPh sb="0" eb="4">
      <t>シゼンカガク</t>
    </rPh>
    <rPh sb="9" eb="12">
      <t>シコウリョク</t>
    </rPh>
    <rPh sb="13" eb="16">
      <t>ドクソウセイ</t>
    </rPh>
    <rPh sb="17" eb="20">
      <t>ハッソウリョク</t>
    </rPh>
    <rPh sb="23" eb="26">
      <t>ヒョウゲンリョク</t>
    </rPh>
    <rPh sb="26" eb="27">
      <t>ナド</t>
    </rPh>
    <rPh sb="28" eb="31">
      <t>ソウゴウテキ</t>
    </rPh>
    <rPh sb="32" eb="34">
      <t>ハンダン</t>
    </rPh>
    <rPh sb="35" eb="37">
      <t>ヒョウカ</t>
    </rPh>
    <phoneticPr fontId="1"/>
  </si>
  <si>
    <t>方式名</t>
    <rPh sb="0" eb="3">
      <t>ホウシキメイ</t>
    </rPh>
    <phoneticPr fontId="1"/>
  </si>
  <si>
    <t>種別</t>
  </si>
  <si>
    <t>札幌大谷</t>
  </si>
  <si>
    <t>芸術</t>
  </si>
  <si>
    <t>音楽－音楽総合</t>
  </si>
  <si>
    <t>共通テ一般</t>
    <rPh sb="0" eb="1">
      <t>キョウ</t>
    </rPh>
    <rPh sb="1" eb="2">
      <t>ツウ</t>
    </rPh>
    <rPh sb="3" eb="5">
      <t>イッパン</t>
    </rPh>
    <phoneticPr fontId="1"/>
  </si>
  <si>
    <t>作文</t>
    <rPh sb="0" eb="2">
      <t>サクブン</t>
    </rPh>
    <phoneticPr fontId="1"/>
  </si>
  <si>
    <t>演奏会制度（コンサート）に縛られない、新しい音楽の伝え方について、具体的な事例を挙げながら、その意味や影響について述べなさい</t>
    <rPh sb="0" eb="3">
      <t>エンソウカイ</t>
    </rPh>
    <rPh sb="3" eb="5">
      <t>セイド</t>
    </rPh>
    <rPh sb="13" eb="14">
      <t>シバ</t>
    </rPh>
    <rPh sb="19" eb="20">
      <t>アタラ</t>
    </rPh>
    <rPh sb="22" eb="24">
      <t>オンガク</t>
    </rPh>
    <rPh sb="25" eb="26">
      <t>ツタ</t>
    </rPh>
    <rPh sb="27" eb="28">
      <t>カタ</t>
    </rPh>
    <rPh sb="33" eb="36">
      <t>グタイテキ</t>
    </rPh>
    <rPh sb="37" eb="39">
      <t>ジレイ</t>
    </rPh>
    <rPh sb="40" eb="41">
      <t>ア</t>
    </rPh>
    <rPh sb="48" eb="50">
      <t>イミ</t>
    </rPh>
    <rPh sb="51" eb="53">
      <t>エイキョウ</t>
    </rPh>
    <rPh sb="57" eb="58">
      <t>ノ</t>
    </rPh>
    <phoneticPr fontId="1"/>
  </si>
  <si>
    <t>北海道科学</t>
    <rPh sb="0" eb="5">
      <t>ホッカイドウカガク</t>
    </rPh>
    <phoneticPr fontId="1"/>
  </si>
  <si>
    <t>全学部</t>
    <rPh sb="0" eb="3">
      <t>ゼンガクブ</t>
    </rPh>
    <phoneticPr fontId="1"/>
  </si>
  <si>
    <t>北海道科学</t>
  </si>
  <si>
    <t>一般後期（総合評価型）</t>
    <rPh sb="0" eb="2">
      <t>イッパン</t>
    </rPh>
    <rPh sb="2" eb="4">
      <t>コウキ</t>
    </rPh>
    <rPh sb="5" eb="10">
      <t>ソウゴウヒョウカガタ</t>
    </rPh>
    <phoneticPr fontId="1"/>
  </si>
  <si>
    <t>記事・論文・統計・図表等を読み取り、自らの考えを論理的にまとめる力を問う内容や理数系の基礎的な知識を問う内容を含む問題等を、総合的に出題し「学力の３要素」のうち「知識・技能」「思考力・判断力・表現力」を多面的・総合的に評価する</t>
    <rPh sb="0" eb="2">
      <t>キジ</t>
    </rPh>
    <rPh sb="3" eb="5">
      <t>ロンブン</t>
    </rPh>
    <rPh sb="6" eb="8">
      <t>トウケイ</t>
    </rPh>
    <rPh sb="9" eb="11">
      <t>ズヒョウ</t>
    </rPh>
    <rPh sb="11" eb="12">
      <t>ナド</t>
    </rPh>
    <rPh sb="13" eb="14">
      <t>ヨ</t>
    </rPh>
    <rPh sb="15" eb="16">
      <t>ト</t>
    </rPh>
    <rPh sb="18" eb="19">
      <t>ミズカ</t>
    </rPh>
    <rPh sb="21" eb="22">
      <t>カンガ</t>
    </rPh>
    <rPh sb="24" eb="27">
      <t>ロンリテキ</t>
    </rPh>
    <rPh sb="32" eb="33">
      <t>チカラ</t>
    </rPh>
    <rPh sb="34" eb="35">
      <t>ト</t>
    </rPh>
    <rPh sb="36" eb="38">
      <t>ナイヨウ</t>
    </rPh>
    <rPh sb="39" eb="42">
      <t>リスウケイ</t>
    </rPh>
    <rPh sb="43" eb="46">
      <t>キソテキ</t>
    </rPh>
    <rPh sb="47" eb="49">
      <t>チシキ</t>
    </rPh>
    <rPh sb="50" eb="51">
      <t>ト</t>
    </rPh>
    <rPh sb="52" eb="54">
      <t>ナイヨウ</t>
    </rPh>
    <rPh sb="55" eb="56">
      <t>フク</t>
    </rPh>
    <rPh sb="57" eb="59">
      <t>モンダイ</t>
    </rPh>
    <rPh sb="59" eb="60">
      <t>ナド</t>
    </rPh>
    <rPh sb="62" eb="65">
      <t>ソウゴウテキ</t>
    </rPh>
    <rPh sb="66" eb="68">
      <t>シュツダイ</t>
    </rPh>
    <rPh sb="70" eb="72">
      <t>ガクリョク</t>
    </rPh>
    <rPh sb="74" eb="76">
      <t>ヨウソ</t>
    </rPh>
    <rPh sb="81" eb="83">
      <t>チシキ</t>
    </rPh>
    <rPh sb="84" eb="86">
      <t>ギノウ</t>
    </rPh>
    <rPh sb="88" eb="91">
      <t>シコウリョク</t>
    </rPh>
    <rPh sb="92" eb="95">
      <t>ハンダンリョク</t>
    </rPh>
    <rPh sb="96" eb="99">
      <t>ヒョウゲンリョク</t>
    </rPh>
    <rPh sb="101" eb="104">
      <t>タメンテキ</t>
    </rPh>
    <rPh sb="105" eb="108">
      <t>ソウゴウテキ</t>
    </rPh>
    <rPh sb="109" eb="111">
      <t>ヒョウカ</t>
    </rPh>
    <phoneticPr fontId="1"/>
  </si>
  <si>
    <t>北海道文教</t>
    <rPh sb="0" eb="3">
      <t>ホッカイドウ</t>
    </rPh>
    <rPh sb="3" eb="5">
      <t>ブンキョウ</t>
    </rPh>
    <phoneticPr fontId="1"/>
  </si>
  <si>
    <t>北海道文教</t>
  </si>
  <si>
    <t>一般Ｂ期小論文型</t>
    <rPh sb="0" eb="2">
      <t>イッパン</t>
    </rPh>
    <rPh sb="3" eb="4">
      <t>キ</t>
    </rPh>
    <rPh sb="4" eb="8">
      <t>ショウロンブンガタ</t>
    </rPh>
    <phoneticPr fontId="1"/>
  </si>
  <si>
    <t>青森中央学院</t>
    <rPh sb="0" eb="6">
      <t>アオモリチュウオウガクイン</t>
    </rPh>
    <phoneticPr fontId="1"/>
  </si>
  <si>
    <t>経営法</t>
    <rPh sb="0" eb="3">
      <t>ケイエイホウ</t>
    </rPh>
    <phoneticPr fontId="1"/>
  </si>
  <si>
    <t>青森中央学院</t>
  </si>
  <si>
    <t>経営法</t>
  </si>
  <si>
    <t>一般第２期</t>
    <rPh sb="0" eb="2">
      <t>イッパン</t>
    </rPh>
    <rPh sb="2" eb="3">
      <t>ダイ</t>
    </rPh>
    <rPh sb="4" eb="5">
      <t>キ</t>
    </rPh>
    <phoneticPr fontId="1"/>
  </si>
  <si>
    <t>学部の専門性に関連した文章やグラフ、図等を読解させる過程を含んだ出題とする</t>
    <rPh sb="0" eb="2">
      <t>ガクブ</t>
    </rPh>
    <rPh sb="3" eb="6">
      <t>センモンセイ</t>
    </rPh>
    <rPh sb="7" eb="9">
      <t>カンレン</t>
    </rPh>
    <rPh sb="11" eb="13">
      <t>ブンショウ</t>
    </rPh>
    <rPh sb="18" eb="19">
      <t>ズ</t>
    </rPh>
    <rPh sb="19" eb="20">
      <t>ナド</t>
    </rPh>
    <rPh sb="21" eb="23">
      <t>ドッカイ</t>
    </rPh>
    <rPh sb="26" eb="28">
      <t>カテイ</t>
    </rPh>
    <rPh sb="29" eb="30">
      <t>フク</t>
    </rPh>
    <rPh sb="32" eb="34">
      <t>シュツダイ</t>
    </rPh>
    <phoneticPr fontId="1"/>
  </si>
  <si>
    <t>八戸工業</t>
    <rPh sb="0" eb="2">
      <t>ハチノヘ</t>
    </rPh>
    <rPh sb="2" eb="4">
      <t>コウギョウ</t>
    </rPh>
    <phoneticPr fontId="1"/>
  </si>
  <si>
    <t>感性デザイン</t>
    <rPh sb="0" eb="2">
      <t>カンセイ</t>
    </rPh>
    <phoneticPr fontId="1"/>
  </si>
  <si>
    <t>八戸工業</t>
  </si>
  <si>
    <t>感性デザイン</t>
  </si>
  <si>
    <t>一般</t>
    <rPh sb="0" eb="2">
      <t>イッパン</t>
    </rPh>
    <phoneticPr fontId="1"/>
  </si>
  <si>
    <t>仙台白百合女子</t>
    <rPh sb="0" eb="5">
      <t>センダイシラユリ</t>
    </rPh>
    <rPh sb="5" eb="7">
      <t>ジョシ</t>
    </rPh>
    <phoneticPr fontId="1"/>
  </si>
  <si>
    <t>人間</t>
    <rPh sb="0" eb="2">
      <t>ニンゲン</t>
    </rPh>
    <phoneticPr fontId="1"/>
  </si>
  <si>
    <t>仙台白百合女子</t>
  </si>
  <si>
    <t>人間</t>
  </si>
  <si>
    <t>一般Ｃ日程</t>
    <rPh sb="0" eb="2">
      <t>イッパン</t>
    </rPh>
    <rPh sb="3" eb="5">
      <t>ニッテイ</t>
    </rPh>
    <phoneticPr fontId="1"/>
  </si>
  <si>
    <t>基礎学力を問う出題を含む。国語の記述式問題のような形式で出題</t>
    <rPh sb="0" eb="4">
      <t>キソガクリョク</t>
    </rPh>
    <rPh sb="5" eb="6">
      <t>ト</t>
    </rPh>
    <rPh sb="7" eb="9">
      <t>シュツダイ</t>
    </rPh>
    <rPh sb="10" eb="11">
      <t>フク</t>
    </rPh>
    <rPh sb="13" eb="15">
      <t>コクゴ</t>
    </rPh>
    <rPh sb="16" eb="21">
      <t>キジュツシキモンダイ</t>
    </rPh>
    <rPh sb="25" eb="27">
      <t>ケイシキ</t>
    </rPh>
    <rPh sb="28" eb="30">
      <t>シュツダイ</t>
    </rPh>
    <phoneticPr fontId="1"/>
  </si>
  <si>
    <t>東北医科薬科</t>
    <rPh sb="0" eb="2">
      <t>トウホク</t>
    </rPh>
    <rPh sb="2" eb="4">
      <t>イカ</t>
    </rPh>
    <rPh sb="4" eb="6">
      <t>ヤッカ</t>
    </rPh>
    <phoneticPr fontId="1"/>
  </si>
  <si>
    <t>東北医科薬科</t>
  </si>
  <si>
    <t>東北生活文化</t>
    <rPh sb="0" eb="6">
      <t>トウホクセイカツブンカ</t>
    </rPh>
    <phoneticPr fontId="1"/>
  </si>
  <si>
    <t>家政</t>
    <rPh sb="0" eb="2">
      <t>カセイ</t>
    </rPh>
    <phoneticPr fontId="1"/>
  </si>
  <si>
    <t>東北生活文化</t>
  </si>
  <si>
    <t>家政</t>
  </si>
  <si>
    <t>東北芸術工科</t>
    <rPh sb="0" eb="6">
      <t>トウホクゲイジュツコウカ</t>
    </rPh>
    <phoneticPr fontId="1"/>
  </si>
  <si>
    <t>東北芸術工科</t>
  </si>
  <si>
    <t>全学科（美術－日本画・洋画を除く）</t>
  </si>
  <si>
    <t>一般前期・専願型・後期、共通テスト１科目</t>
    <rPh sb="0" eb="2">
      <t>イッパン</t>
    </rPh>
    <rPh sb="2" eb="4">
      <t>ゼンキ</t>
    </rPh>
    <rPh sb="5" eb="8">
      <t>センガンガタ</t>
    </rPh>
    <rPh sb="12" eb="14">
      <t>キョウツウ</t>
    </rPh>
    <rPh sb="18" eb="20">
      <t>カモク</t>
    </rPh>
    <phoneticPr fontId="1"/>
  </si>
  <si>
    <t>出題テーマ：社会と人間</t>
    <rPh sb="0" eb="2">
      <t>シュツダイ</t>
    </rPh>
    <rPh sb="6" eb="8">
      <t>シャカイ</t>
    </rPh>
    <rPh sb="9" eb="11">
      <t>ニンゲン</t>
    </rPh>
    <phoneticPr fontId="1"/>
  </si>
  <si>
    <t>福島学院</t>
    <rPh sb="0" eb="4">
      <t>フクシマガクイン</t>
    </rPh>
    <phoneticPr fontId="1"/>
  </si>
  <si>
    <t>福島学院</t>
  </si>
  <si>
    <t>一般Ｂ日程</t>
    <rPh sb="0" eb="2">
      <t>イッパン</t>
    </rPh>
    <rPh sb="3" eb="5">
      <t>ニッテイ</t>
    </rPh>
    <phoneticPr fontId="1"/>
  </si>
  <si>
    <t>800～1000字</t>
    <rPh sb="8" eb="9">
      <t>ジ</t>
    </rPh>
    <phoneticPr fontId="1"/>
  </si>
  <si>
    <t>国際医療福祉</t>
    <rPh sb="0" eb="2">
      <t>コクサイ</t>
    </rPh>
    <rPh sb="2" eb="4">
      <t>イリョウ</t>
    </rPh>
    <rPh sb="4" eb="6">
      <t>フクシ</t>
    </rPh>
    <phoneticPr fontId="1"/>
  </si>
  <si>
    <t>医（千葉）</t>
    <rPh sb="0" eb="1">
      <t>イ</t>
    </rPh>
    <rPh sb="2" eb="4">
      <t>チバ</t>
    </rPh>
    <phoneticPr fontId="1"/>
  </si>
  <si>
    <t>国際医療福祉</t>
  </si>
  <si>
    <t>医（千葉）</t>
  </si>
  <si>
    <t>一般、共通テスト</t>
    <rPh sb="0" eb="2">
      <t>イッパン</t>
    </rPh>
    <rPh sb="3" eb="5">
      <t>キョウツウ</t>
    </rPh>
    <phoneticPr fontId="1"/>
  </si>
  <si>
    <t>成田看護、保健医療、成田保健医療、小田原保健医療</t>
    <rPh sb="0" eb="4">
      <t>ナリタカンゴ</t>
    </rPh>
    <rPh sb="10" eb="12">
      <t>ナリタ</t>
    </rPh>
    <rPh sb="12" eb="16">
      <t>ホケンイリョウ</t>
    </rPh>
    <rPh sb="17" eb="20">
      <t>オダワラ</t>
    </rPh>
    <rPh sb="20" eb="22">
      <t>ホケン</t>
    </rPh>
    <rPh sb="22" eb="24">
      <t>イリョウ</t>
    </rPh>
    <phoneticPr fontId="1"/>
  </si>
  <si>
    <t>成田看護、保健医療、成田保健医療、小田原保健医療</t>
  </si>
  <si>
    <t>前期</t>
    <rPh sb="0" eb="2">
      <t>ゼンキ</t>
    </rPh>
    <phoneticPr fontId="1"/>
  </si>
  <si>
    <t>文星芸術</t>
    <rPh sb="0" eb="4">
      <t>ブンセイゲイジュツ</t>
    </rPh>
    <phoneticPr fontId="1"/>
  </si>
  <si>
    <t>美術</t>
    <rPh sb="0" eb="2">
      <t>ビジュツ</t>
    </rPh>
    <phoneticPr fontId="1"/>
  </si>
  <si>
    <t>文星芸術</t>
  </si>
  <si>
    <t>美術</t>
  </si>
  <si>
    <t>美術－総合造形</t>
  </si>
  <si>
    <t>一般</t>
  </si>
  <si>
    <t>地域関連・美術関連から選択</t>
    <rPh sb="0" eb="4">
      <t>チイキカンレン</t>
    </rPh>
    <phoneticPr fontId="1"/>
  </si>
  <si>
    <t>ぐんま未来</t>
    <rPh sb="3" eb="5">
      <t>ミライ</t>
    </rPh>
    <phoneticPr fontId="1"/>
  </si>
  <si>
    <t>医療保健</t>
    <rPh sb="0" eb="2">
      <t>イリョウ</t>
    </rPh>
    <rPh sb="2" eb="4">
      <t>ホケン</t>
    </rPh>
    <phoneticPr fontId="1"/>
  </si>
  <si>
    <t>ぐんま未来</t>
  </si>
  <si>
    <t>医療保健</t>
  </si>
  <si>
    <t>一般Ⅲ期</t>
    <rPh sb="0" eb="2">
      <t>イッパン</t>
    </rPh>
    <rPh sb="3" eb="4">
      <t>キ</t>
    </rPh>
    <phoneticPr fontId="1"/>
  </si>
  <si>
    <t>論述式総合問題</t>
    <rPh sb="0" eb="3">
      <t>ロンジュツシキ</t>
    </rPh>
    <rPh sb="3" eb="7">
      <t>ソウゴウモンダイ</t>
    </rPh>
    <phoneticPr fontId="1"/>
  </si>
  <si>
    <t>論述問題１問と総合問題２問で構成。総合問題は国語、数学、英語、情報、家庭科の範囲から知識教養問題を出題</t>
    <rPh sb="0" eb="2">
      <t>ロンジュツ</t>
    </rPh>
    <rPh sb="2" eb="4">
      <t>モンダイ</t>
    </rPh>
    <rPh sb="5" eb="6">
      <t>モン</t>
    </rPh>
    <rPh sb="7" eb="10">
      <t>ソウゴウモン</t>
    </rPh>
    <rPh sb="10" eb="11">
      <t>ダイ</t>
    </rPh>
    <rPh sb="12" eb="13">
      <t>モン</t>
    </rPh>
    <rPh sb="14" eb="16">
      <t>コウセイ</t>
    </rPh>
    <rPh sb="17" eb="19">
      <t>ソウゴウ</t>
    </rPh>
    <rPh sb="19" eb="21">
      <t>モンダイ</t>
    </rPh>
    <rPh sb="22" eb="24">
      <t>コクゴ</t>
    </rPh>
    <rPh sb="25" eb="27">
      <t>スウガク</t>
    </rPh>
    <rPh sb="28" eb="30">
      <t>エイゴ</t>
    </rPh>
    <rPh sb="31" eb="33">
      <t>ジョウホウ</t>
    </rPh>
    <rPh sb="34" eb="37">
      <t>カテイカ</t>
    </rPh>
    <rPh sb="38" eb="40">
      <t>ハンイ</t>
    </rPh>
    <rPh sb="42" eb="44">
      <t>チシキ</t>
    </rPh>
    <rPh sb="44" eb="46">
      <t>キョウヨウ</t>
    </rPh>
    <rPh sb="46" eb="48">
      <t>モンダイ</t>
    </rPh>
    <rPh sb="49" eb="51">
      <t>シュツダイ</t>
    </rPh>
    <phoneticPr fontId="1"/>
  </si>
  <si>
    <t>埼玉医科</t>
    <rPh sb="0" eb="2">
      <t>サイタマ</t>
    </rPh>
    <rPh sb="2" eb="4">
      <t>イカ</t>
    </rPh>
    <phoneticPr fontId="1"/>
  </si>
  <si>
    <t>埼玉医科</t>
  </si>
  <si>
    <t>英文の出題を含む</t>
    <rPh sb="0" eb="2">
      <t>エイブン</t>
    </rPh>
    <rPh sb="3" eb="5">
      <t>シュツダイ</t>
    </rPh>
    <rPh sb="6" eb="7">
      <t>フク</t>
    </rPh>
    <phoneticPr fontId="1"/>
  </si>
  <si>
    <t>東邦音楽</t>
    <rPh sb="0" eb="2">
      <t>トウホウ</t>
    </rPh>
    <rPh sb="2" eb="4">
      <t>オンガク</t>
    </rPh>
    <phoneticPr fontId="1"/>
  </si>
  <si>
    <t>東邦音楽</t>
  </si>
  <si>
    <t>音楽療法専攻は「音楽療法に関する小論文」、教職実践専攻は「教職に関する小論文」</t>
    <rPh sb="0" eb="2">
      <t>オンガク</t>
    </rPh>
    <rPh sb="2" eb="4">
      <t>リョウホウ</t>
    </rPh>
    <rPh sb="4" eb="6">
      <t>センコウ</t>
    </rPh>
    <rPh sb="8" eb="10">
      <t>オンガク</t>
    </rPh>
    <rPh sb="10" eb="12">
      <t>リョウホウ</t>
    </rPh>
    <rPh sb="13" eb="14">
      <t>カン</t>
    </rPh>
    <rPh sb="16" eb="19">
      <t>ショウロンブン</t>
    </rPh>
    <rPh sb="21" eb="23">
      <t>キョウショク</t>
    </rPh>
    <rPh sb="23" eb="25">
      <t>ジッセン</t>
    </rPh>
    <rPh sb="25" eb="27">
      <t>センコウ</t>
    </rPh>
    <rPh sb="29" eb="31">
      <t>キョウショク</t>
    </rPh>
    <rPh sb="32" eb="33">
      <t>カン</t>
    </rPh>
    <rPh sb="35" eb="38">
      <t>ショウロンブン</t>
    </rPh>
    <phoneticPr fontId="1"/>
  </si>
  <si>
    <t>ものつくり</t>
  </si>
  <si>
    <t>技能工芸</t>
    <rPh sb="0" eb="4">
      <t>ギノウコウゲイ</t>
    </rPh>
    <phoneticPr fontId="1"/>
  </si>
  <si>
    <t>技能工芸</t>
  </si>
  <si>
    <t>一般小論文面接</t>
    <rPh sb="0" eb="2">
      <t>イッパン</t>
    </rPh>
    <rPh sb="2" eb="5">
      <t>ショウロンブン</t>
    </rPh>
    <rPh sb="5" eb="7">
      <t>メンセツ</t>
    </rPh>
    <phoneticPr fontId="1"/>
  </si>
  <si>
    <t>出題テーマａまたはｂを選択
ａ．これからのものづくりのキーワード
ｂ．ものづくり体験で学んだこと</t>
    <rPh sb="0" eb="2">
      <t>シュツダイ</t>
    </rPh>
    <rPh sb="11" eb="13">
      <t>センタク</t>
    </rPh>
    <rPh sb="40" eb="42">
      <t>タイケン</t>
    </rPh>
    <rPh sb="43" eb="44">
      <t>マナ</t>
    </rPh>
    <phoneticPr fontId="1"/>
  </si>
  <si>
    <t>植草学園</t>
    <rPh sb="0" eb="2">
      <t>ウエクサ</t>
    </rPh>
    <rPh sb="2" eb="4">
      <t>ガクエン</t>
    </rPh>
    <phoneticPr fontId="1"/>
  </si>
  <si>
    <t>植草学園</t>
  </si>
  <si>
    <t>文章や図表等を読み解き、理解した内容を他者に伝える表現力を測るための出題。文書の論旨あるいは提示された情報を的確に把握し、その内容に基づき自らの考えを論理的かつ適切に表現する能力を問う</t>
    <rPh sb="0" eb="2">
      <t>ブンショウ</t>
    </rPh>
    <rPh sb="3" eb="5">
      <t>ズヒョウ</t>
    </rPh>
    <rPh sb="5" eb="6">
      <t>ナド</t>
    </rPh>
    <rPh sb="7" eb="8">
      <t>ヨ</t>
    </rPh>
    <rPh sb="9" eb="10">
      <t>ト</t>
    </rPh>
    <rPh sb="12" eb="14">
      <t>リカイ</t>
    </rPh>
    <rPh sb="16" eb="18">
      <t>ナイヨウ</t>
    </rPh>
    <rPh sb="19" eb="21">
      <t>タシャ</t>
    </rPh>
    <rPh sb="22" eb="23">
      <t>ツタ</t>
    </rPh>
    <rPh sb="25" eb="28">
      <t>ヒョウゲンリョク</t>
    </rPh>
    <rPh sb="29" eb="30">
      <t>ハカ</t>
    </rPh>
    <rPh sb="34" eb="36">
      <t>シュツダイ</t>
    </rPh>
    <rPh sb="37" eb="39">
      <t>ブンショ</t>
    </rPh>
    <rPh sb="40" eb="42">
      <t>ロンシ</t>
    </rPh>
    <rPh sb="46" eb="48">
      <t>テイジ</t>
    </rPh>
    <rPh sb="51" eb="53">
      <t>ジョウホウ</t>
    </rPh>
    <rPh sb="54" eb="56">
      <t>テキカク</t>
    </rPh>
    <rPh sb="57" eb="59">
      <t>ハアク</t>
    </rPh>
    <rPh sb="63" eb="65">
      <t>ナイヨウ</t>
    </rPh>
    <rPh sb="66" eb="67">
      <t>モト</t>
    </rPh>
    <rPh sb="69" eb="70">
      <t>ミズカ</t>
    </rPh>
    <rPh sb="72" eb="73">
      <t>カンガ</t>
    </rPh>
    <rPh sb="75" eb="78">
      <t>ロンリテキ</t>
    </rPh>
    <rPh sb="80" eb="82">
      <t>テキセツ</t>
    </rPh>
    <rPh sb="83" eb="85">
      <t>ヒョウゲン</t>
    </rPh>
    <rPh sb="87" eb="89">
      <t>ノウリョク</t>
    </rPh>
    <rPh sb="90" eb="91">
      <t>ト</t>
    </rPh>
    <phoneticPr fontId="1"/>
  </si>
  <si>
    <t>川村学園女子</t>
    <rPh sb="0" eb="6">
      <t>カワムラガクエンジョシ</t>
    </rPh>
    <phoneticPr fontId="1"/>
  </si>
  <si>
    <t>川村学園女子</t>
  </si>
  <si>
    <t>一般Ⅲ期</t>
    <rPh sb="0" eb="2">
      <t>イッパン</t>
    </rPh>
    <phoneticPr fontId="1"/>
  </si>
  <si>
    <t>400字</t>
    <rPh sb="3" eb="4">
      <t>ジ</t>
    </rPh>
    <phoneticPr fontId="1"/>
  </si>
  <si>
    <t>課題選択型（試験当日課題公表）</t>
    <rPh sb="0" eb="2">
      <t>カダイ</t>
    </rPh>
    <rPh sb="2" eb="5">
      <t>センタクガタ</t>
    </rPh>
    <rPh sb="6" eb="10">
      <t>シケントウジツ</t>
    </rPh>
    <rPh sb="10" eb="12">
      <t>カダイ</t>
    </rPh>
    <rPh sb="12" eb="14">
      <t>コウヒョウ</t>
    </rPh>
    <phoneticPr fontId="11"/>
  </si>
  <si>
    <t>国際武道</t>
    <rPh sb="0" eb="4">
      <t>コクサイブドウ</t>
    </rPh>
    <phoneticPr fontId="1"/>
  </si>
  <si>
    <t>体育</t>
    <rPh sb="0" eb="2">
      <t>タイイク</t>
    </rPh>
    <phoneticPr fontId="1"/>
  </si>
  <si>
    <t>国際武道</t>
  </si>
  <si>
    <t>400～600字</t>
    <rPh sb="7" eb="8">
      <t>ジ</t>
    </rPh>
    <phoneticPr fontId="1"/>
  </si>
  <si>
    <t>体育・スポーツに関する課題文に対する自分の意見を述べる</t>
    <rPh sb="15" eb="16">
      <t>タイ</t>
    </rPh>
    <rPh sb="18" eb="20">
      <t>ジブン</t>
    </rPh>
    <phoneticPr fontId="1"/>
  </si>
  <si>
    <t>清和</t>
    <rPh sb="0" eb="2">
      <t>セイワ</t>
    </rPh>
    <phoneticPr fontId="1"/>
  </si>
  <si>
    <t>法</t>
    <rPh sb="0" eb="1">
      <t>ホウ</t>
    </rPh>
    <phoneticPr fontId="1"/>
  </si>
  <si>
    <t>清和</t>
  </si>
  <si>
    <t>法律</t>
  </si>
  <si>
    <t>東京基督教</t>
    <rPh sb="0" eb="2">
      <t>トウキョウ</t>
    </rPh>
    <rPh sb="2" eb="5">
      <t>キリストキョウ</t>
    </rPh>
    <phoneticPr fontId="1"/>
  </si>
  <si>
    <t>神</t>
    <rPh sb="0" eb="1">
      <t>カミ</t>
    </rPh>
    <phoneticPr fontId="1"/>
  </si>
  <si>
    <t>東京基督教</t>
  </si>
  <si>
    <t>神</t>
  </si>
  <si>
    <t>神学･国際教養</t>
  </si>
  <si>
    <t>事前課題</t>
    <rPh sb="0" eb="2">
      <t>ジゼン</t>
    </rPh>
    <rPh sb="2" eb="4">
      <t>カダイ</t>
    </rPh>
    <phoneticPr fontId="1"/>
  </si>
  <si>
    <t>1800～2200字</t>
    <rPh sb="9" eb="10">
      <t>ジ</t>
    </rPh>
    <phoneticPr fontId="1"/>
  </si>
  <si>
    <t>高等学校の国語（現代の国語、論理国語、国語表現）の範囲から出題する</t>
    <rPh sb="0" eb="2">
      <t>コウトウ</t>
    </rPh>
    <rPh sb="2" eb="4">
      <t>ガッコウ</t>
    </rPh>
    <rPh sb="5" eb="7">
      <t>コクゴ</t>
    </rPh>
    <rPh sb="8" eb="10">
      <t>ゲンダイ</t>
    </rPh>
    <rPh sb="11" eb="13">
      <t>コクゴ</t>
    </rPh>
    <rPh sb="14" eb="18">
      <t>ロンリコクゴ</t>
    </rPh>
    <rPh sb="19" eb="23">
      <t>コクゴヒョウゲン</t>
    </rPh>
    <rPh sb="25" eb="27">
      <t>ハンイ</t>
    </rPh>
    <rPh sb="29" eb="31">
      <t>シュツダイ</t>
    </rPh>
    <phoneticPr fontId="1"/>
  </si>
  <si>
    <t>明海</t>
    <rPh sb="0" eb="2">
      <t>メイカイ</t>
    </rPh>
    <phoneticPr fontId="1"/>
  </si>
  <si>
    <t>歯（埼玉）</t>
    <rPh sb="0" eb="1">
      <t>ハ</t>
    </rPh>
    <rPh sb="2" eb="4">
      <t>サイタマ</t>
    </rPh>
    <phoneticPr fontId="1"/>
  </si>
  <si>
    <t>明海</t>
  </si>
  <si>
    <t>歯（埼玉）</t>
  </si>
  <si>
    <t>一般ＡＢ日程</t>
    <rPh sb="0" eb="2">
      <t>イッパン</t>
    </rPh>
    <rPh sb="4" eb="6">
      <t>ニッテイ</t>
    </rPh>
    <phoneticPr fontId="1"/>
  </si>
  <si>
    <t>論述試験</t>
    <rPh sb="2" eb="4">
      <t>シケン</t>
    </rPh>
    <phoneticPr fontId="1"/>
  </si>
  <si>
    <t>200字</t>
    <rPh sb="3" eb="4">
      <t>ジ</t>
    </rPh>
    <phoneticPr fontId="1"/>
  </si>
  <si>
    <t>青山学院</t>
  </si>
  <si>
    <t>英米文</t>
  </si>
  <si>
    <t>個別学部Ｂ方式</t>
    <rPh sb="0" eb="2">
      <t>コベツ</t>
    </rPh>
    <rPh sb="2" eb="4">
      <t>ガクブ</t>
    </rPh>
    <rPh sb="5" eb="7">
      <t>ホウシキ</t>
    </rPh>
    <phoneticPr fontId="1"/>
  </si>
  <si>
    <t>総合問題（英語による）</t>
    <rPh sb="0" eb="2">
      <t>ソウゴウ</t>
    </rPh>
    <rPh sb="2" eb="4">
      <t>モンダイ</t>
    </rPh>
    <phoneticPr fontId="1"/>
  </si>
  <si>
    <t>リスニング、ライティングを含む総合的な英語力を問う</t>
    <rPh sb="13" eb="14">
      <t>フク</t>
    </rPh>
    <rPh sb="15" eb="18">
      <t>ソウゴウテキ</t>
    </rPh>
    <rPh sb="19" eb="22">
      <t>エイゴリョク</t>
    </rPh>
    <rPh sb="23" eb="24">
      <t>ト</t>
    </rPh>
    <phoneticPr fontId="1"/>
  </si>
  <si>
    <t>フランス文</t>
  </si>
  <si>
    <t>共通テスト個別学部Ａ方式</t>
    <rPh sb="0" eb="2">
      <t>キョウツウ</t>
    </rPh>
    <rPh sb="5" eb="7">
      <t>コベツ</t>
    </rPh>
    <rPh sb="7" eb="9">
      <t>ガクブ</t>
    </rPh>
    <rPh sb="10" eb="12">
      <t>ホウシキ</t>
    </rPh>
    <phoneticPr fontId="1"/>
  </si>
  <si>
    <t>文章読解を中心とし、読解力、論理的思考力、言葉の知識、外国の文化・社会についての理解を問う</t>
    <rPh sb="0" eb="2">
      <t>ブンショウ</t>
    </rPh>
    <rPh sb="2" eb="4">
      <t>ドッカイ</t>
    </rPh>
    <rPh sb="5" eb="7">
      <t>チュウシン</t>
    </rPh>
    <rPh sb="10" eb="13">
      <t>ドッカイリョク</t>
    </rPh>
    <rPh sb="14" eb="17">
      <t>ロンリテキ</t>
    </rPh>
    <rPh sb="17" eb="20">
      <t>シコウリョク</t>
    </rPh>
    <rPh sb="21" eb="23">
      <t>コトバ</t>
    </rPh>
    <rPh sb="24" eb="26">
      <t>チシキ</t>
    </rPh>
    <rPh sb="27" eb="29">
      <t>ガイコク</t>
    </rPh>
    <rPh sb="30" eb="32">
      <t>ブンカ</t>
    </rPh>
    <rPh sb="33" eb="35">
      <t>シャカイ</t>
    </rPh>
    <rPh sb="40" eb="42">
      <t>リカイ</t>
    </rPh>
    <rPh sb="43" eb="44">
      <t>ト</t>
    </rPh>
    <phoneticPr fontId="1"/>
  </si>
  <si>
    <t>共通テスト個別学部Ｂ方式</t>
    <rPh sb="0" eb="2">
      <t>キョウツウ</t>
    </rPh>
    <rPh sb="5" eb="7">
      <t>コベツ</t>
    </rPh>
    <rPh sb="7" eb="9">
      <t>ガクブ</t>
    </rPh>
    <rPh sb="10" eb="12">
      <t>ホウシキ</t>
    </rPh>
    <phoneticPr fontId="1"/>
  </si>
  <si>
    <t>総合問題（論述）</t>
    <rPh sb="0" eb="2">
      <t>ソウゴウ</t>
    </rPh>
    <rPh sb="2" eb="4">
      <t>モンダイ</t>
    </rPh>
    <phoneticPr fontId="1"/>
  </si>
  <si>
    <t xml:space="preserve">文化・社会等に関する長文読解を課し、言葉の知識・思考力、論述力を問う
</t>
    <rPh sb="0" eb="2">
      <t>ブンカ</t>
    </rPh>
    <rPh sb="3" eb="5">
      <t>シャカイ</t>
    </rPh>
    <rPh sb="5" eb="6">
      <t>ナド</t>
    </rPh>
    <rPh sb="7" eb="8">
      <t>カン</t>
    </rPh>
    <rPh sb="10" eb="12">
      <t>チョウブン</t>
    </rPh>
    <rPh sb="12" eb="14">
      <t>ドッカイ</t>
    </rPh>
    <rPh sb="15" eb="16">
      <t>カ</t>
    </rPh>
    <rPh sb="18" eb="20">
      <t>コトバ</t>
    </rPh>
    <rPh sb="21" eb="23">
      <t>チシキ</t>
    </rPh>
    <rPh sb="24" eb="27">
      <t>シコウリョク</t>
    </rPh>
    <rPh sb="28" eb="30">
      <t>ロンジュツ</t>
    </rPh>
    <rPh sb="30" eb="31">
      <t>チカラ</t>
    </rPh>
    <rPh sb="32" eb="33">
      <t>ト</t>
    </rPh>
    <phoneticPr fontId="1"/>
  </si>
  <si>
    <t>比較芸術</t>
  </si>
  <si>
    <t>共通テスト個別学部日程</t>
    <rPh sb="0" eb="2">
      <t>キョウツウ</t>
    </rPh>
    <rPh sb="5" eb="9">
      <t>コベツガクブ</t>
    </rPh>
    <rPh sb="9" eb="11">
      <t>ニッテイ</t>
    </rPh>
    <phoneticPr fontId="1"/>
  </si>
  <si>
    <t>論述</t>
    <rPh sb="0" eb="2">
      <t>ロンジュツ</t>
    </rPh>
    <phoneticPr fontId="1"/>
  </si>
  <si>
    <t>芸術にかかわる評論を読み、そのテーマに沿って具体的な例をあげながら、考えるところを論述する</t>
    <rPh sb="0" eb="2">
      <t>ゲイジュツ</t>
    </rPh>
    <rPh sb="7" eb="9">
      <t>ヒョウロン</t>
    </rPh>
    <rPh sb="10" eb="11">
      <t>ヨ</t>
    </rPh>
    <rPh sb="19" eb="20">
      <t>ソ</t>
    </rPh>
    <rPh sb="22" eb="25">
      <t>グタイテキ</t>
    </rPh>
    <rPh sb="26" eb="27">
      <t>レイ</t>
    </rPh>
    <rPh sb="34" eb="35">
      <t>カンガ</t>
    </rPh>
    <rPh sb="41" eb="43">
      <t>ロンジュツ</t>
    </rPh>
    <phoneticPr fontId="1"/>
  </si>
  <si>
    <t>総合文化政策</t>
    <rPh sb="0" eb="2">
      <t>ソウゴウ</t>
    </rPh>
    <rPh sb="2" eb="4">
      <t>ブンカ</t>
    </rPh>
    <rPh sb="4" eb="6">
      <t>セイサク</t>
    </rPh>
    <phoneticPr fontId="1"/>
  </si>
  <si>
    <t>総合文化政策</t>
  </si>
  <si>
    <t>「現代の国語」、「言語文化（近代以降の文章）」、「地理歴史、公民（主に「歴史総合」、「世界史探究（現代史）」、「日本史探究（現代史）」、「公共」、「倫理」、「政治・経済」）」</t>
    <rPh sb="1" eb="3">
      <t>ゲンダイ</t>
    </rPh>
    <rPh sb="4" eb="6">
      <t>コクゴ</t>
    </rPh>
    <rPh sb="9" eb="13">
      <t>ゲンゴブンカ</t>
    </rPh>
    <rPh sb="14" eb="16">
      <t>キンダイ</t>
    </rPh>
    <rPh sb="16" eb="18">
      <t>イコウ</t>
    </rPh>
    <rPh sb="19" eb="21">
      <t>ブンショウ</t>
    </rPh>
    <rPh sb="25" eb="29">
      <t>チリレキシ</t>
    </rPh>
    <rPh sb="30" eb="32">
      <t>コウミン</t>
    </rPh>
    <rPh sb="33" eb="34">
      <t>オモ</t>
    </rPh>
    <rPh sb="36" eb="40">
      <t>レキシソウゴウ</t>
    </rPh>
    <rPh sb="43" eb="48">
      <t>セカイシタンキュウ</t>
    </rPh>
    <rPh sb="49" eb="52">
      <t>ゲンダイシ</t>
    </rPh>
    <rPh sb="56" eb="59">
      <t>ニホンシ</t>
    </rPh>
    <rPh sb="59" eb="61">
      <t>タンキュウ</t>
    </rPh>
    <rPh sb="62" eb="65">
      <t>ゲンダイシ</t>
    </rPh>
    <rPh sb="69" eb="71">
      <t>コウキョウ</t>
    </rPh>
    <rPh sb="74" eb="76">
      <t>リンリ</t>
    </rPh>
    <rPh sb="79" eb="81">
      <t>セイジ</t>
    </rPh>
    <rPh sb="82" eb="84">
      <t>ケイザイ</t>
    </rPh>
    <phoneticPr fontId="1"/>
  </si>
  <si>
    <t>国際政治経済</t>
    <rPh sb="0" eb="2">
      <t>コクサイ</t>
    </rPh>
    <rPh sb="2" eb="4">
      <t>セイジ</t>
    </rPh>
    <rPh sb="4" eb="6">
      <t>ケイザイ</t>
    </rPh>
    <phoneticPr fontId="1"/>
  </si>
  <si>
    <t>国際政治経済</t>
  </si>
  <si>
    <t>国際政治</t>
  </si>
  <si>
    <t>個別学部Ｂ方式、共通テスト個別学部Ａ方式</t>
    <rPh sb="0" eb="2">
      <t>コベツ</t>
    </rPh>
    <rPh sb="2" eb="4">
      <t>ガクブ</t>
    </rPh>
    <rPh sb="8" eb="10">
      <t>キョウツウ</t>
    </rPh>
    <rPh sb="13" eb="17">
      <t>コベツガクブ</t>
    </rPh>
    <rPh sb="18" eb="20">
      <t>ホウシキ</t>
    </rPh>
    <phoneticPr fontId="1"/>
  </si>
  <si>
    <t>論述・総合問題</t>
    <rPh sb="0" eb="2">
      <t>ロンジュツ</t>
    </rPh>
    <rPh sb="3" eb="5">
      <t>ソウゴウ</t>
    </rPh>
    <rPh sb="5" eb="7">
      <t>モンダイ</t>
    </rPh>
    <phoneticPr fontId="1"/>
  </si>
  <si>
    <t>国際政治分野に関する日本語・英語の文章および資料を読解した上で、論理的な思考を通じて解答する問題（解答を英語で表現する問題を含む）、ならびに英語読解力を問う問題</t>
    <rPh sb="70" eb="72">
      <t>エイゴ</t>
    </rPh>
    <rPh sb="72" eb="75">
      <t>ドッカイリョク</t>
    </rPh>
    <rPh sb="76" eb="77">
      <t>ト</t>
    </rPh>
    <rPh sb="78" eb="80">
      <t>モンダイ</t>
    </rPh>
    <phoneticPr fontId="1"/>
  </si>
  <si>
    <t>国際経済</t>
  </si>
  <si>
    <t>数量的理解（グラフや表等からデータの意味を読み解く力）および読解力・論理的思考力を問う問題（問題に英文を含む）、ならびに英語読解力を問う問題</t>
    <rPh sb="0" eb="3">
      <t>スウリョウテキ</t>
    </rPh>
    <rPh sb="3" eb="5">
      <t>リカイ</t>
    </rPh>
    <rPh sb="10" eb="11">
      <t>ヒョウ</t>
    </rPh>
    <rPh sb="11" eb="12">
      <t>ナド</t>
    </rPh>
    <rPh sb="18" eb="20">
      <t>イミ</t>
    </rPh>
    <rPh sb="21" eb="22">
      <t>ヨ</t>
    </rPh>
    <rPh sb="23" eb="24">
      <t>ト</t>
    </rPh>
    <rPh sb="25" eb="26">
      <t>チカラ</t>
    </rPh>
    <rPh sb="30" eb="33">
      <t>ドッカイリョク</t>
    </rPh>
    <rPh sb="34" eb="37">
      <t>ロンリテキ</t>
    </rPh>
    <rPh sb="37" eb="40">
      <t>シコウリョク</t>
    </rPh>
    <rPh sb="41" eb="42">
      <t>ト</t>
    </rPh>
    <rPh sb="43" eb="45">
      <t>モンダイ</t>
    </rPh>
    <rPh sb="46" eb="48">
      <t>モンダイ</t>
    </rPh>
    <rPh sb="49" eb="51">
      <t>エイブン</t>
    </rPh>
    <rPh sb="52" eb="53">
      <t>フク</t>
    </rPh>
    <phoneticPr fontId="1"/>
  </si>
  <si>
    <t>英文読解力と論理的思考力・表現力を問う問題</t>
    <rPh sb="0" eb="2">
      <t>エイブン</t>
    </rPh>
    <rPh sb="2" eb="5">
      <t>ドッカイリョク</t>
    </rPh>
    <rPh sb="6" eb="9">
      <t>ロンリテキ</t>
    </rPh>
    <rPh sb="9" eb="12">
      <t>シコウリョク</t>
    </rPh>
    <rPh sb="13" eb="16">
      <t>ヒョウゲンリョク</t>
    </rPh>
    <rPh sb="17" eb="18">
      <t>ト</t>
    </rPh>
    <rPh sb="19" eb="21">
      <t>モンダイ</t>
    </rPh>
    <phoneticPr fontId="1"/>
  </si>
  <si>
    <t>「現代の国語」、「言語文化」（「古文、漢文」を除く）と「歴史総合」、「公共」との総合問題とする</t>
    <rPh sb="1" eb="3">
      <t>ゲンダイ</t>
    </rPh>
    <rPh sb="4" eb="6">
      <t>コクゴ</t>
    </rPh>
    <rPh sb="9" eb="13">
      <t>ゲンゴブンカ</t>
    </rPh>
    <rPh sb="16" eb="18">
      <t>コブン</t>
    </rPh>
    <rPh sb="19" eb="21">
      <t>カンブン</t>
    </rPh>
    <rPh sb="23" eb="24">
      <t>ノゾ</t>
    </rPh>
    <rPh sb="28" eb="32">
      <t>レキシソウゴウ</t>
    </rPh>
    <rPh sb="35" eb="37">
      <t>コウキョウ</t>
    </rPh>
    <rPh sb="40" eb="44">
      <t>ソウゴウモンダイ</t>
    </rPh>
    <phoneticPr fontId="1"/>
  </si>
  <si>
    <t>共通テスト個別学部Ｂ方式</t>
    <rPh sb="0" eb="2">
      <t>キョウツウ</t>
    </rPh>
    <rPh sb="5" eb="9">
      <t>コベツガクブ</t>
    </rPh>
    <rPh sb="10" eb="12">
      <t>ホウシキ</t>
    </rPh>
    <phoneticPr fontId="1"/>
  </si>
  <si>
    <t>英語（英語コミュニケーションⅠ、英語コミュニケーションⅡ、英語コミュニケーションⅢ、論理・表現Ⅰ、論理・表現Ⅱ、論理・表現Ⅲ）と、「歴史総合」、「公共」との総合問題とする</t>
    <rPh sb="0" eb="2">
      <t>エイゴ</t>
    </rPh>
    <rPh sb="3" eb="5">
      <t>エイゴ</t>
    </rPh>
    <rPh sb="16" eb="18">
      <t>エイゴ</t>
    </rPh>
    <rPh sb="29" eb="31">
      <t>エイゴ</t>
    </rPh>
    <rPh sb="42" eb="44">
      <t>ロンリ</t>
    </rPh>
    <rPh sb="45" eb="47">
      <t>ヒョウゲン</t>
    </rPh>
    <rPh sb="49" eb="51">
      <t>ロンリ</t>
    </rPh>
    <rPh sb="52" eb="54">
      <t>ヒョウゲン</t>
    </rPh>
    <phoneticPr fontId="1"/>
  </si>
  <si>
    <t>社会情報</t>
    <rPh sb="0" eb="2">
      <t>シャカイ</t>
    </rPh>
    <rPh sb="2" eb="4">
      <t>ジョウホウ</t>
    </rPh>
    <phoneticPr fontId="1"/>
  </si>
  <si>
    <t>社会情報</t>
  </si>
  <si>
    <t>個別学部Ｄ方式</t>
    <rPh sb="0" eb="4">
      <t>コベツガクブ</t>
    </rPh>
    <rPh sb="5" eb="7">
      <t>ホウシキ</t>
    </rPh>
    <phoneticPr fontId="1"/>
  </si>
  <si>
    <t>文章やデータを読み解き、物事を論理的に考察し、的確に表現する力を問う論述等を課す</t>
    <rPh sb="0" eb="2">
      <t>ブンショウ</t>
    </rPh>
    <rPh sb="7" eb="8">
      <t>ヨ</t>
    </rPh>
    <rPh sb="9" eb="10">
      <t>ト</t>
    </rPh>
    <rPh sb="12" eb="14">
      <t>モノゴト</t>
    </rPh>
    <rPh sb="15" eb="18">
      <t>ロンリテキ</t>
    </rPh>
    <rPh sb="19" eb="21">
      <t>コウサツ</t>
    </rPh>
    <rPh sb="23" eb="25">
      <t>テキカク</t>
    </rPh>
    <rPh sb="26" eb="28">
      <t>ヒョウゲン</t>
    </rPh>
    <rPh sb="30" eb="31">
      <t>チカラ</t>
    </rPh>
    <rPh sb="32" eb="33">
      <t>ト</t>
    </rPh>
    <rPh sb="34" eb="36">
      <t>ロンジュツ</t>
    </rPh>
    <rPh sb="36" eb="37">
      <t>ナド</t>
    </rPh>
    <rPh sb="38" eb="39">
      <t>カ</t>
    </rPh>
    <phoneticPr fontId="1"/>
  </si>
  <si>
    <t>北里</t>
    <rPh sb="0" eb="2">
      <t>キタサト</t>
    </rPh>
    <phoneticPr fontId="1"/>
  </si>
  <si>
    <t>健康科学（新潟）</t>
    <rPh sb="0" eb="4">
      <t>ケンコウカガク</t>
    </rPh>
    <rPh sb="5" eb="7">
      <t>ニイガタ</t>
    </rPh>
    <phoneticPr fontId="11"/>
  </si>
  <si>
    <t>北里</t>
  </si>
  <si>
    <t>健康科学（新潟）</t>
  </si>
  <si>
    <t>800字</t>
    <rPh sb="3" eb="4">
      <t>ジ</t>
    </rPh>
    <phoneticPr fontId="11"/>
  </si>
  <si>
    <t>国立音楽</t>
    <rPh sb="0" eb="4">
      <t>クニタチオンガク</t>
    </rPh>
    <phoneticPr fontId="1"/>
  </si>
  <si>
    <t>音楽</t>
    <rPh sb="0" eb="2">
      <t>オンガク</t>
    </rPh>
    <phoneticPr fontId="11"/>
  </si>
  <si>
    <t>国立音楽</t>
  </si>
  <si>
    <t>音楽－音楽療法</t>
  </si>
  <si>
    <t xml:space="preserve">800～1000字
</t>
    <rPh sb="8" eb="9">
      <t>ジ</t>
    </rPh>
    <phoneticPr fontId="11"/>
  </si>
  <si>
    <t>音楽－音楽情報</t>
  </si>
  <si>
    <t>一般Ａ日程</t>
    <rPh sb="0" eb="2">
      <t>イッパン</t>
    </rPh>
    <rPh sb="3" eb="5">
      <t>ニッテイ</t>
    </rPh>
    <phoneticPr fontId="1"/>
  </si>
  <si>
    <t>2000～3000字</t>
    <rPh sb="9" eb="10">
      <t>ジ</t>
    </rPh>
    <phoneticPr fontId="11"/>
  </si>
  <si>
    <t>慶應義塾</t>
    <rPh sb="0" eb="4">
      <t>ケイオウギジュク</t>
    </rPh>
    <phoneticPr fontId="1"/>
  </si>
  <si>
    <t>法</t>
    <rPh sb="0" eb="1">
      <t>ホウ</t>
    </rPh>
    <phoneticPr fontId="11"/>
  </si>
  <si>
    <t>慶應義塾</t>
  </si>
  <si>
    <t>国家や社会の基本原理を中心とした諸問題について解答させる</t>
    <rPh sb="0" eb="2">
      <t>コッカ</t>
    </rPh>
    <rPh sb="3" eb="5">
      <t>シャカイ</t>
    </rPh>
    <rPh sb="6" eb="10">
      <t>キホンゲンリ</t>
    </rPh>
    <rPh sb="11" eb="13">
      <t>チュウシン</t>
    </rPh>
    <rPh sb="16" eb="19">
      <t>ショモンダイ</t>
    </rPh>
    <rPh sb="23" eb="25">
      <t>カイトウ</t>
    </rPh>
    <phoneticPr fontId="1"/>
  </si>
  <si>
    <t>国際基督教</t>
  </si>
  <si>
    <t>アーツ･サイエンス</t>
  </si>
  <si>
    <t>人文・社会科学選択、数理・自然科学選択、日英バイリンガル面接利用、英語外部試験利用</t>
    <rPh sb="0" eb="2">
      <t>ジンブン</t>
    </rPh>
    <rPh sb="3" eb="7">
      <t>シャカイカガク</t>
    </rPh>
    <rPh sb="7" eb="9">
      <t>センタク</t>
    </rPh>
    <rPh sb="10" eb="12">
      <t>スウリ</t>
    </rPh>
    <rPh sb="13" eb="15">
      <t>シゼン</t>
    </rPh>
    <rPh sb="15" eb="17">
      <t>カガク</t>
    </rPh>
    <rPh sb="17" eb="19">
      <t>センタク</t>
    </rPh>
    <rPh sb="20" eb="22">
      <t>ニチエイ</t>
    </rPh>
    <rPh sb="28" eb="32">
      <t>メンセツリヨウ</t>
    </rPh>
    <rPh sb="33" eb="35">
      <t>エイゴ</t>
    </rPh>
    <rPh sb="35" eb="37">
      <t>ガイブ</t>
    </rPh>
    <rPh sb="37" eb="39">
      <t>シケン</t>
    </rPh>
    <rPh sb="39" eb="41">
      <t>リヨウ</t>
    </rPh>
    <phoneticPr fontId="1"/>
  </si>
  <si>
    <t>総合教養</t>
    <rPh sb="0" eb="2">
      <t>ソウゴウ</t>
    </rPh>
    <rPh sb="2" eb="4">
      <t>キョウヨウ</t>
    </rPh>
    <phoneticPr fontId="1"/>
  </si>
  <si>
    <t xml:space="preserve">リベラルアーツの基礎となる適性を判断する総合問題
特定のテーマについての資料冊子を読み、講義を聴いたあと、問題冊子の設問に解答する
講義や論述・資料では部分的に英語が使われる場合がある（英語の能力を評価する試験ではない）
</t>
  </si>
  <si>
    <t>人文・社会科学選択</t>
    <rPh sb="0" eb="2">
      <t>ジンブン</t>
    </rPh>
    <rPh sb="3" eb="7">
      <t>シャカイカガク</t>
    </rPh>
    <rPh sb="7" eb="9">
      <t>センタク</t>
    </rPh>
    <phoneticPr fontId="1"/>
  </si>
  <si>
    <t>人文・社会科学</t>
    <rPh sb="0" eb="2">
      <t>ジンブン</t>
    </rPh>
    <rPh sb="3" eb="5">
      <t>シャカイ</t>
    </rPh>
    <rPh sb="5" eb="7">
      <t>カガク</t>
    </rPh>
    <phoneticPr fontId="1"/>
  </si>
  <si>
    <t>論説文を読み、その内容に関連した設問に答える
文学、哲学、芸術、宗教、政治、経済、歴史、社会等の分野から出題される</t>
    <rPh sb="0" eb="3">
      <t>ロンセツブン</t>
    </rPh>
    <rPh sb="4" eb="5">
      <t>ヨ</t>
    </rPh>
    <rPh sb="9" eb="11">
      <t>ナイヨウ</t>
    </rPh>
    <rPh sb="12" eb="14">
      <t>カンレン</t>
    </rPh>
    <rPh sb="16" eb="18">
      <t>セツモン</t>
    </rPh>
    <rPh sb="19" eb="20">
      <t>コタ</t>
    </rPh>
    <rPh sb="23" eb="25">
      <t>ブンガク</t>
    </rPh>
    <rPh sb="26" eb="28">
      <t>テツガク</t>
    </rPh>
    <rPh sb="29" eb="31">
      <t>ゲイジュツ</t>
    </rPh>
    <rPh sb="32" eb="34">
      <t>シュウキョウ</t>
    </rPh>
    <rPh sb="35" eb="37">
      <t>セイジ</t>
    </rPh>
    <rPh sb="38" eb="40">
      <t>ケイザイ</t>
    </rPh>
    <rPh sb="41" eb="43">
      <t>レキシ</t>
    </rPh>
    <rPh sb="44" eb="46">
      <t>シャカイ</t>
    </rPh>
    <rPh sb="46" eb="47">
      <t>ナド</t>
    </rPh>
    <rPh sb="48" eb="50">
      <t>ブンヤ</t>
    </rPh>
    <rPh sb="52" eb="54">
      <t>シュツダイ</t>
    </rPh>
    <phoneticPr fontId="1"/>
  </si>
  <si>
    <t>数理・自然科学選択</t>
    <rPh sb="0" eb="2">
      <t>スウリ</t>
    </rPh>
    <rPh sb="3" eb="7">
      <t>シゼンカガク</t>
    </rPh>
    <rPh sb="7" eb="9">
      <t>センタク</t>
    </rPh>
    <phoneticPr fontId="1"/>
  </si>
  <si>
    <t>数理・自然科学</t>
    <rPh sb="0" eb="2">
      <t>スウリ</t>
    </rPh>
    <rPh sb="3" eb="5">
      <t>シゼン</t>
    </rPh>
    <rPh sb="5" eb="7">
      <t>カガク</t>
    </rPh>
    <phoneticPr fontId="1"/>
  </si>
  <si>
    <t>数学（ⅠⅡＡＢＣ）、物理、化学、生物の４分野から２分野を選択して解答する</t>
    <rPh sb="0" eb="2">
      <t>スウガク</t>
    </rPh>
    <rPh sb="10" eb="12">
      <t>ブツリ</t>
    </rPh>
    <rPh sb="13" eb="15">
      <t>カガク</t>
    </rPh>
    <rPh sb="16" eb="18">
      <t>セイブツ</t>
    </rPh>
    <rPh sb="20" eb="22">
      <t>ブンヤ</t>
    </rPh>
    <rPh sb="25" eb="27">
      <t>ブンヤ</t>
    </rPh>
    <rPh sb="28" eb="30">
      <t>センタク</t>
    </rPh>
    <rPh sb="32" eb="34">
      <t>カイトウ</t>
    </rPh>
    <phoneticPr fontId="1"/>
  </si>
  <si>
    <t>国際ファッション専門職</t>
    <rPh sb="0" eb="2">
      <t>コクサイ</t>
    </rPh>
    <rPh sb="8" eb="10">
      <t>センモン</t>
    </rPh>
    <rPh sb="10" eb="11">
      <t>ショク</t>
    </rPh>
    <phoneticPr fontId="1"/>
  </si>
  <si>
    <t>国際ファッション</t>
    <rPh sb="0" eb="2">
      <t>コクサイ</t>
    </rPh>
    <phoneticPr fontId="11"/>
  </si>
  <si>
    <t>国際ファッション専門職</t>
  </si>
  <si>
    <t>国際ファッション</t>
  </si>
  <si>
    <t>一般</t>
    <rPh sb="0" eb="2">
      <t>イッパン</t>
    </rPh>
    <phoneticPr fontId="11"/>
  </si>
  <si>
    <t>適性診断</t>
    <rPh sb="0" eb="2">
      <t>テキセイ</t>
    </rPh>
    <rPh sb="2" eb="4">
      <t>シンダン</t>
    </rPh>
    <phoneticPr fontId="1"/>
  </si>
  <si>
    <t>Ⅰ：高等学校卒業程度の国語・英語の基礎学力を確認するための記述式選択試験
Ⅱ：論理的な思考力、表現力を測る試験</t>
    <rPh sb="22" eb="24">
      <t>カクニン</t>
    </rPh>
    <rPh sb="39" eb="42">
      <t>ロンリテキ</t>
    </rPh>
    <rPh sb="43" eb="46">
      <t>シコウリョク</t>
    </rPh>
    <rPh sb="47" eb="50">
      <t>ヒョウゲンリョク</t>
    </rPh>
    <rPh sb="51" eb="52">
      <t>ハカ</t>
    </rPh>
    <rPh sb="53" eb="55">
      <t>シケン</t>
    </rPh>
    <phoneticPr fontId="11"/>
  </si>
  <si>
    <t>課題作文</t>
    <rPh sb="0" eb="4">
      <t>カダイサクブン</t>
    </rPh>
    <phoneticPr fontId="1"/>
  </si>
  <si>
    <t>指定されたテーマに対して、自分の考えを論理的に表現する力を確認する</t>
    <rPh sb="0" eb="2">
      <t>シテイ</t>
    </rPh>
    <rPh sb="9" eb="10">
      <t>タイ</t>
    </rPh>
    <rPh sb="13" eb="15">
      <t>ジブン</t>
    </rPh>
    <rPh sb="16" eb="17">
      <t>カンガ</t>
    </rPh>
    <rPh sb="19" eb="22">
      <t>ロンリテキ</t>
    </rPh>
    <rPh sb="23" eb="25">
      <t>ヒョウゲン</t>
    </rPh>
    <rPh sb="27" eb="28">
      <t>チカラ</t>
    </rPh>
    <rPh sb="29" eb="31">
      <t>カクニン</t>
    </rPh>
    <phoneticPr fontId="11"/>
  </si>
  <si>
    <t>こども教育宝仙</t>
    <rPh sb="3" eb="5">
      <t>キョウイク</t>
    </rPh>
    <rPh sb="5" eb="7">
      <t>ホウセン</t>
    </rPh>
    <phoneticPr fontId="1"/>
  </si>
  <si>
    <t>こども教育</t>
    <rPh sb="3" eb="5">
      <t>キョウイク</t>
    </rPh>
    <phoneticPr fontId="11"/>
  </si>
  <si>
    <t>こども教育宝仙</t>
  </si>
  <si>
    <t>こども教育</t>
  </si>
  <si>
    <t>幼児教育</t>
  </si>
  <si>
    <t>記述式総合問題</t>
    <rPh sb="0" eb="3">
      <t>キジュツシキ</t>
    </rPh>
    <rPh sb="3" eb="7">
      <t>ソウゴウモンダイ</t>
    </rPh>
    <phoneticPr fontId="1"/>
  </si>
  <si>
    <t>グラフや図表、資料等の複数の情報を統合し自らの考えを論理的にまとめ文章表現（記述）する</t>
    <rPh sb="4" eb="6">
      <t>ズヒョウ</t>
    </rPh>
    <rPh sb="7" eb="9">
      <t>シリョウ</t>
    </rPh>
    <rPh sb="9" eb="10">
      <t>ナド</t>
    </rPh>
    <rPh sb="11" eb="13">
      <t>フクスウ</t>
    </rPh>
    <rPh sb="14" eb="16">
      <t>ジョウホウ</t>
    </rPh>
    <rPh sb="17" eb="19">
      <t>トウゴウ</t>
    </rPh>
    <rPh sb="20" eb="21">
      <t>ミズカ</t>
    </rPh>
    <rPh sb="23" eb="24">
      <t>カンガ</t>
    </rPh>
    <rPh sb="26" eb="29">
      <t>ロンリテキ</t>
    </rPh>
    <rPh sb="33" eb="37">
      <t>ブンショウヒョウゲン</t>
    </rPh>
    <rPh sb="38" eb="40">
      <t>キジュツ</t>
    </rPh>
    <phoneticPr fontId="1"/>
  </si>
  <si>
    <t>産業能率</t>
  </si>
  <si>
    <t>全学部</t>
    <rPh sb="0" eb="1">
      <t>ゼン</t>
    </rPh>
    <rPh sb="1" eb="3">
      <t>ガクブ</t>
    </rPh>
    <phoneticPr fontId="1"/>
  </si>
  <si>
    <t>共通テスト未来構想方式</t>
    <rPh sb="5" eb="7">
      <t>ミライ</t>
    </rPh>
    <rPh sb="7" eb="9">
      <t>コウソウ</t>
    </rPh>
    <rPh sb="9" eb="11">
      <t>ホウシキ</t>
    </rPh>
    <phoneticPr fontId="1"/>
  </si>
  <si>
    <t>未来構想レポート</t>
    <rPh sb="0" eb="2">
      <t>ミライ</t>
    </rPh>
    <rPh sb="2" eb="4">
      <t>コウソウ</t>
    </rPh>
    <phoneticPr fontId="1"/>
  </si>
  <si>
    <t>シナリオ（近未来のある地域の社会状況）を読み、課題、解決案を検討し、レポート（Ａ３・１枚程度）にまとめる</t>
    <rPh sb="5" eb="8">
      <t>キンミライ</t>
    </rPh>
    <rPh sb="11" eb="13">
      <t>チイキ</t>
    </rPh>
    <rPh sb="14" eb="16">
      <t>シャカイ</t>
    </rPh>
    <rPh sb="16" eb="18">
      <t>ジョウキョウ</t>
    </rPh>
    <rPh sb="20" eb="21">
      <t>ヨ</t>
    </rPh>
    <rPh sb="23" eb="25">
      <t>カダイ</t>
    </rPh>
    <rPh sb="26" eb="28">
      <t>カイケツ</t>
    </rPh>
    <rPh sb="28" eb="29">
      <t>アン</t>
    </rPh>
    <rPh sb="30" eb="32">
      <t>ケントウ</t>
    </rPh>
    <rPh sb="43" eb="44">
      <t>マイ</t>
    </rPh>
    <rPh sb="44" eb="46">
      <t>テイド</t>
    </rPh>
    <phoneticPr fontId="1"/>
  </si>
  <si>
    <t>上智</t>
  </si>
  <si>
    <t>哲</t>
  </si>
  <si>
    <t>共通テスト併用方式</t>
    <rPh sb="7" eb="9">
      <t>ホウシキ</t>
    </rPh>
    <phoneticPr fontId="1"/>
  </si>
  <si>
    <t>学部学科試験</t>
  </si>
  <si>
    <t>哲学への関心および読解力・思考力・表現力を問う試験</t>
    <rPh sb="0" eb="2">
      <t>テツガク</t>
    </rPh>
    <rPh sb="4" eb="6">
      <t>カンシン</t>
    </rPh>
    <rPh sb="9" eb="12">
      <t>ドッカイリョク</t>
    </rPh>
    <rPh sb="13" eb="16">
      <t>シコウリョク</t>
    </rPh>
    <rPh sb="17" eb="20">
      <t>ヒョウゲンリョク</t>
    </rPh>
    <rPh sb="21" eb="22">
      <t>ト</t>
    </rPh>
    <rPh sb="23" eb="25">
      <t>シケン</t>
    </rPh>
    <phoneticPr fontId="1"/>
  </si>
  <si>
    <t>史</t>
  </si>
  <si>
    <t>歴史学をめぐる試験</t>
    <rPh sb="0" eb="3">
      <t>レキシガク</t>
    </rPh>
    <rPh sb="7" eb="9">
      <t>シケン</t>
    </rPh>
    <phoneticPr fontId="1"/>
  </si>
  <si>
    <t>英文</t>
  </si>
  <si>
    <t>英語長文読解とその内容に基づく英作文により、理解力・思考力・表現力を問う</t>
    <rPh sb="0" eb="2">
      <t>エイゴ</t>
    </rPh>
    <rPh sb="2" eb="4">
      <t>チョウブン</t>
    </rPh>
    <rPh sb="4" eb="6">
      <t>ドッカイ</t>
    </rPh>
    <rPh sb="9" eb="11">
      <t>ナイヨウ</t>
    </rPh>
    <rPh sb="12" eb="13">
      <t>モト</t>
    </rPh>
    <rPh sb="15" eb="18">
      <t>エイサクブン</t>
    </rPh>
    <rPh sb="22" eb="24">
      <t>リカイ</t>
    </rPh>
    <rPh sb="24" eb="25">
      <t>リョク</t>
    </rPh>
    <rPh sb="26" eb="29">
      <t>シコウリョク</t>
    </rPh>
    <rPh sb="30" eb="33">
      <t>ヒョウゲンリョク</t>
    </rPh>
    <rPh sb="34" eb="35">
      <t>ト</t>
    </rPh>
    <phoneticPr fontId="1"/>
  </si>
  <si>
    <t>ドイツ文</t>
  </si>
  <si>
    <t>文化・思想・歴史に関するテクストの読解力および思考力・表現力を問う試験（日本語の文章の読解力および思考力・表現力を問う）</t>
    <rPh sb="0" eb="2">
      <t>ブンカ</t>
    </rPh>
    <rPh sb="3" eb="5">
      <t>シソウ</t>
    </rPh>
    <rPh sb="6" eb="8">
      <t>レキシ</t>
    </rPh>
    <rPh sb="9" eb="10">
      <t>カン</t>
    </rPh>
    <rPh sb="17" eb="20">
      <t>ドッカイリョク</t>
    </rPh>
    <rPh sb="23" eb="26">
      <t>シコウリョク</t>
    </rPh>
    <rPh sb="27" eb="30">
      <t>ヒョウゲンリョク</t>
    </rPh>
    <rPh sb="31" eb="32">
      <t>ト</t>
    </rPh>
    <rPh sb="33" eb="35">
      <t>シケン</t>
    </rPh>
    <rPh sb="36" eb="39">
      <t>ニホンゴ</t>
    </rPh>
    <rPh sb="40" eb="42">
      <t>ブンショウ</t>
    </rPh>
    <rPh sb="43" eb="46">
      <t>ドッカイリョク</t>
    </rPh>
    <rPh sb="49" eb="52">
      <t>シコウリョク</t>
    </rPh>
    <rPh sb="53" eb="56">
      <t>ヒョウゲンリョク</t>
    </rPh>
    <rPh sb="57" eb="58">
      <t>ト</t>
    </rPh>
    <phoneticPr fontId="1"/>
  </si>
  <si>
    <t>フランス文学・文化・歴史に関するテクストの読解力および思考力・表現力を問う試験</t>
    <rPh sb="4" eb="6">
      <t>ブンガク</t>
    </rPh>
    <rPh sb="7" eb="9">
      <t>ブンカ</t>
    </rPh>
    <rPh sb="10" eb="12">
      <t>レキシ</t>
    </rPh>
    <rPh sb="13" eb="14">
      <t>カン</t>
    </rPh>
    <rPh sb="21" eb="24">
      <t>ドッカイリョク</t>
    </rPh>
    <rPh sb="27" eb="30">
      <t>シコウリョク</t>
    </rPh>
    <rPh sb="31" eb="34">
      <t>ヒョウゲンリョク</t>
    </rPh>
    <rPh sb="35" eb="36">
      <t>ト</t>
    </rPh>
    <rPh sb="37" eb="39">
      <t>シケン</t>
    </rPh>
    <phoneticPr fontId="1"/>
  </si>
  <si>
    <t>新聞</t>
  </si>
  <si>
    <t>ジャーナリズムに関する基礎的学力試験</t>
    <rPh sb="8" eb="9">
      <t>カン</t>
    </rPh>
    <rPh sb="11" eb="14">
      <t>キソテキ</t>
    </rPh>
    <rPh sb="14" eb="16">
      <t>ガクリョク</t>
    </rPh>
    <rPh sb="16" eb="18">
      <t>シケン</t>
    </rPh>
    <phoneticPr fontId="1"/>
  </si>
  <si>
    <t>キリスト教と聖書の基礎に関する理解力と思考力を問う試験</t>
    <rPh sb="4" eb="5">
      <t>キョウ</t>
    </rPh>
    <rPh sb="6" eb="8">
      <t>セイショ</t>
    </rPh>
    <rPh sb="9" eb="11">
      <t>キソ</t>
    </rPh>
    <rPh sb="12" eb="13">
      <t>カン</t>
    </rPh>
    <rPh sb="15" eb="18">
      <t>リカイリョク</t>
    </rPh>
    <rPh sb="19" eb="22">
      <t>シコウリョク</t>
    </rPh>
    <rPh sb="23" eb="24">
      <t>ト</t>
    </rPh>
    <rPh sb="25" eb="27">
      <t>シケン</t>
    </rPh>
    <phoneticPr fontId="1"/>
  </si>
  <si>
    <t>外国語</t>
    <rPh sb="0" eb="3">
      <t>ガイコクゴ</t>
    </rPh>
    <phoneticPr fontId="1"/>
  </si>
  <si>
    <t>外国語</t>
  </si>
  <si>
    <t xml:space="preserve">①高度なレベルの外国語学習に対する適性を測る試験
※出題はおもに英語とし、一部の問題を英語・ドイツ語・フランス語・イスパニア語・ロシア語・ポルトガル語から試験場で選択する
②外国研究に必要な基礎的知識・日本語の読解力・論理力・思考力を測る試験
</t>
    <rPh sb="1" eb="3">
      <t>コウド</t>
    </rPh>
    <rPh sb="8" eb="11">
      <t>ガイコクゴ</t>
    </rPh>
    <rPh sb="11" eb="13">
      <t>ガクシュウ</t>
    </rPh>
    <rPh sb="14" eb="15">
      <t>タイ</t>
    </rPh>
    <rPh sb="17" eb="19">
      <t>テキセイ</t>
    </rPh>
    <rPh sb="20" eb="21">
      <t>ハカ</t>
    </rPh>
    <rPh sb="22" eb="24">
      <t>シケン</t>
    </rPh>
    <rPh sb="26" eb="28">
      <t>シュツダイ</t>
    </rPh>
    <rPh sb="32" eb="34">
      <t>エイゴ</t>
    </rPh>
    <rPh sb="37" eb="39">
      <t>イチブ</t>
    </rPh>
    <rPh sb="40" eb="42">
      <t>モンダイ</t>
    </rPh>
    <rPh sb="43" eb="45">
      <t>エイゴ</t>
    </rPh>
    <rPh sb="49" eb="50">
      <t>ゴ</t>
    </rPh>
    <rPh sb="55" eb="56">
      <t>ゴ</t>
    </rPh>
    <rPh sb="62" eb="63">
      <t>ゴ</t>
    </rPh>
    <rPh sb="67" eb="68">
      <t>ゴ</t>
    </rPh>
    <rPh sb="74" eb="75">
      <t>ゴ</t>
    </rPh>
    <rPh sb="77" eb="80">
      <t>シケンジョウ</t>
    </rPh>
    <rPh sb="81" eb="83">
      <t>センタク</t>
    </rPh>
    <rPh sb="87" eb="89">
      <t>ガイコク</t>
    </rPh>
    <rPh sb="89" eb="91">
      <t>ケンキュウ</t>
    </rPh>
    <rPh sb="92" eb="94">
      <t>ヒツヨウ</t>
    </rPh>
    <rPh sb="95" eb="98">
      <t>キソテキ</t>
    </rPh>
    <rPh sb="98" eb="100">
      <t>チシキ</t>
    </rPh>
    <rPh sb="101" eb="104">
      <t>ニホンゴ</t>
    </rPh>
    <rPh sb="105" eb="108">
      <t>ドッカイリョク</t>
    </rPh>
    <rPh sb="109" eb="111">
      <t>ロンリ</t>
    </rPh>
    <rPh sb="111" eb="112">
      <t>リョク</t>
    </rPh>
    <rPh sb="113" eb="116">
      <t>シコウリョク</t>
    </rPh>
    <rPh sb="117" eb="118">
      <t>ハカ</t>
    </rPh>
    <rPh sb="119" eb="121">
      <t>シケン</t>
    </rPh>
    <phoneticPr fontId="1"/>
  </si>
  <si>
    <t>総合人間科学</t>
    <rPh sb="0" eb="2">
      <t>ソウゴウ</t>
    </rPh>
    <rPh sb="2" eb="4">
      <t>ニンゲン</t>
    </rPh>
    <rPh sb="4" eb="6">
      <t>カガク</t>
    </rPh>
    <phoneticPr fontId="1"/>
  </si>
  <si>
    <t>総合人間科学</t>
  </si>
  <si>
    <t>教育、社会、社会福祉、看護</t>
  </si>
  <si>
    <t>人間と社会に関わる事象に関する論理的思考力、表現力を問う総合問題</t>
    <rPh sb="0" eb="2">
      <t>ニンゲン</t>
    </rPh>
    <rPh sb="3" eb="5">
      <t>シャカイ</t>
    </rPh>
    <rPh sb="6" eb="7">
      <t>カカ</t>
    </rPh>
    <rPh sb="9" eb="11">
      <t>ジショウ</t>
    </rPh>
    <rPh sb="12" eb="13">
      <t>カン</t>
    </rPh>
    <rPh sb="15" eb="18">
      <t>ロンリテキ</t>
    </rPh>
    <rPh sb="18" eb="21">
      <t>シコウリョク</t>
    </rPh>
    <rPh sb="22" eb="25">
      <t>ヒョウゲンリョク</t>
    </rPh>
    <rPh sb="26" eb="27">
      <t>ト</t>
    </rPh>
    <rPh sb="28" eb="30">
      <t>ソウゴウ</t>
    </rPh>
    <rPh sb="30" eb="32">
      <t>モンダイ</t>
    </rPh>
    <phoneticPr fontId="1"/>
  </si>
  <si>
    <t>心理</t>
  </si>
  <si>
    <t>心理学のための理解力と思考力を問う試験</t>
    <rPh sb="0" eb="3">
      <t>シンリガク</t>
    </rPh>
    <rPh sb="7" eb="10">
      <t>リカイリョク</t>
    </rPh>
    <rPh sb="11" eb="14">
      <t>シコウリョク</t>
    </rPh>
    <rPh sb="15" eb="16">
      <t>ト</t>
    </rPh>
    <rPh sb="17" eb="19">
      <t>シケン</t>
    </rPh>
    <phoneticPr fontId="1"/>
  </si>
  <si>
    <t>総合グローバル</t>
    <rPh sb="0" eb="2">
      <t>ソウゴウ</t>
    </rPh>
    <phoneticPr fontId="1"/>
  </si>
  <si>
    <t>総合グローバル</t>
  </si>
  <si>
    <t>グローバル化する人間社会について、提示された資料の理解力および思考力を問う試験（英語の設問を含む）</t>
  </si>
  <si>
    <t>社会（国際関係や環境問題を含む）と法・政治に関する試験（基礎学力や思考力を問うもの）</t>
    <rPh sb="0" eb="2">
      <t>シャカイ</t>
    </rPh>
    <rPh sb="3" eb="5">
      <t>コクサイ</t>
    </rPh>
    <rPh sb="5" eb="7">
      <t>カンケイ</t>
    </rPh>
    <rPh sb="8" eb="10">
      <t>カンキョウ</t>
    </rPh>
    <rPh sb="10" eb="12">
      <t>モンダイ</t>
    </rPh>
    <rPh sb="13" eb="14">
      <t>フク</t>
    </rPh>
    <rPh sb="17" eb="18">
      <t>ホウ</t>
    </rPh>
    <rPh sb="19" eb="21">
      <t>セイジ</t>
    </rPh>
    <rPh sb="22" eb="23">
      <t>カン</t>
    </rPh>
    <rPh sb="25" eb="27">
      <t>シケン</t>
    </rPh>
    <rPh sb="28" eb="30">
      <t>キソ</t>
    </rPh>
    <rPh sb="30" eb="32">
      <t>ガクリョク</t>
    </rPh>
    <rPh sb="33" eb="36">
      <t>シコウリョク</t>
    </rPh>
    <rPh sb="37" eb="38">
      <t>ト</t>
    </rPh>
    <phoneticPr fontId="1"/>
  </si>
  <si>
    <t>女子美術</t>
    <rPh sb="0" eb="2">
      <t>ジョシ</t>
    </rPh>
    <rPh sb="2" eb="4">
      <t>ビジュツ</t>
    </rPh>
    <phoneticPr fontId="1"/>
  </si>
  <si>
    <t>芸術</t>
    <rPh sb="0" eb="2">
      <t>ゲイジュツ</t>
    </rPh>
    <phoneticPr fontId="1"/>
  </si>
  <si>
    <t>女子美術</t>
  </si>
  <si>
    <t>アート－スペース表現・クリエイティブ･プロデュース表現</t>
  </si>
  <si>
    <t>一般、共通テストⅠ方式</t>
    <rPh sb="0" eb="2">
      <t>イッパン</t>
    </rPh>
    <rPh sb="3" eb="5">
      <t>キョウツウ</t>
    </rPh>
    <rPh sb="9" eb="11">
      <t>ホウシキ</t>
    </rPh>
    <phoneticPr fontId="1"/>
  </si>
  <si>
    <t>文章表現</t>
    <rPh sb="0" eb="2">
      <t>ブンショウ</t>
    </rPh>
    <rPh sb="2" eb="4">
      <t>ヒョウゲン</t>
    </rPh>
    <phoneticPr fontId="1"/>
  </si>
  <si>
    <t xml:space="preserve">与えられたモチーフから連想することを文章で表現する
</t>
    <rPh sb="0" eb="1">
      <t>アタ</t>
    </rPh>
    <rPh sb="11" eb="13">
      <t>レンソウ</t>
    </rPh>
    <rPh sb="18" eb="20">
      <t>ブンショウ</t>
    </rPh>
    <rPh sb="21" eb="23">
      <t>ヒョウゲン</t>
    </rPh>
    <phoneticPr fontId="1"/>
  </si>
  <si>
    <t>白百合女子</t>
    <rPh sb="0" eb="3">
      <t>シラユリ</t>
    </rPh>
    <rPh sb="3" eb="5">
      <t>ジョシ</t>
    </rPh>
    <phoneticPr fontId="1"/>
  </si>
  <si>
    <t>白百合女子</t>
  </si>
  <si>
    <t>後期特別小論文方式</t>
    <rPh sb="0" eb="2">
      <t>コウキ</t>
    </rPh>
    <rPh sb="2" eb="4">
      <t>トクベツ</t>
    </rPh>
    <rPh sb="4" eb="7">
      <t>ショウロンブン</t>
    </rPh>
    <rPh sb="7" eb="9">
      <t>ホウシキ</t>
    </rPh>
    <phoneticPr fontId="1"/>
  </si>
  <si>
    <t>聖心女子</t>
  </si>
  <si>
    <t>現代教養</t>
    <rPh sb="0" eb="2">
      <t>ゲンダイ</t>
    </rPh>
    <rPh sb="2" eb="4">
      <t>キョウヨウ</t>
    </rPh>
    <phoneticPr fontId="1"/>
  </si>
  <si>
    <t>現代教養</t>
  </si>
  <si>
    <t>総合小論文方式</t>
    <rPh sb="0" eb="2">
      <t>ソウゴウ</t>
    </rPh>
    <rPh sb="2" eb="5">
      <t>ショウロンブン</t>
    </rPh>
    <rPh sb="5" eb="7">
      <t>ホウシキ</t>
    </rPh>
    <phoneticPr fontId="1"/>
  </si>
  <si>
    <t>ある１つのテーマに沿って提示される３種類の資料をもとに、２種類の設問に解答する
提示される資料
　①日本語の文章、②簡単な英語の資料、
　③表・グラフ等の資料
設問（１）
　提示資料に対応し、①日本語読解力、②英語読解力、
　③表・グラフ等の資料を読み取る能力を測る問題
設問（２）
　提示資料を踏まえ、小論文を書く問題</t>
    <rPh sb="9" eb="10">
      <t>ソ</t>
    </rPh>
    <rPh sb="12" eb="14">
      <t>テイジ</t>
    </rPh>
    <rPh sb="18" eb="20">
      <t>シュルイ</t>
    </rPh>
    <rPh sb="21" eb="23">
      <t>シリョウ</t>
    </rPh>
    <rPh sb="29" eb="31">
      <t>シュルイ</t>
    </rPh>
    <rPh sb="32" eb="34">
      <t>セツモン</t>
    </rPh>
    <rPh sb="35" eb="37">
      <t>カイトウ</t>
    </rPh>
    <rPh sb="40" eb="42">
      <t>テイジ</t>
    </rPh>
    <rPh sb="45" eb="47">
      <t>シリョウ</t>
    </rPh>
    <rPh sb="50" eb="53">
      <t>ニホンゴ</t>
    </rPh>
    <rPh sb="54" eb="56">
      <t>ブンショウ</t>
    </rPh>
    <rPh sb="58" eb="60">
      <t>カンタン</t>
    </rPh>
    <rPh sb="61" eb="63">
      <t>エイゴ</t>
    </rPh>
    <rPh sb="64" eb="66">
      <t>シリョウ</t>
    </rPh>
    <rPh sb="70" eb="71">
      <t>ヒョウ</t>
    </rPh>
    <rPh sb="75" eb="76">
      <t>ナド</t>
    </rPh>
    <rPh sb="97" eb="100">
      <t>ニホンゴ</t>
    </rPh>
    <rPh sb="105" eb="107">
      <t>エイゴ</t>
    </rPh>
    <rPh sb="114" eb="115">
      <t>ヒョウ</t>
    </rPh>
    <rPh sb="119" eb="120">
      <t>ナド</t>
    </rPh>
    <rPh sb="124" eb="125">
      <t>ヨ</t>
    </rPh>
    <rPh sb="126" eb="127">
      <t>ト</t>
    </rPh>
    <rPh sb="128" eb="130">
      <t>ノウリョク</t>
    </rPh>
    <rPh sb="131" eb="132">
      <t>ハカ</t>
    </rPh>
    <rPh sb="133" eb="135">
      <t>モンダイ</t>
    </rPh>
    <rPh sb="136" eb="138">
      <t>セツモン</t>
    </rPh>
    <rPh sb="143" eb="145">
      <t>テイジ</t>
    </rPh>
    <rPh sb="145" eb="147">
      <t>シリョウ</t>
    </rPh>
    <rPh sb="148" eb="149">
      <t>フ</t>
    </rPh>
    <rPh sb="152" eb="155">
      <t>ショウロンブン</t>
    </rPh>
    <rPh sb="156" eb="157">
      <t>カ</t>
    </rPh>
    <rPh sb="158" eb="160">
      <t>モンダイ</t>
    </rPh>
    <phoneticPr fontId="1"/>
  </si>
  <si>
    <t>多摩</t>
    <rPh sb="0" eb="2">
      <t>タマ</t>
    </rPh>
    <phoneticPr fontId="1"/>
  </si>
  <si>
    <t>多摩</t>
  </si>
  <si>
    <t>共通テスト＋総合問題</t>
    <rPh sb="0" eb="2">
      <t>キョウツウ</t>
    </rPh>
    <rPh sb="6" eb="8">
      <t>ソウゴウ</t>
    </rPh>
    <rPh sb="8" eb="10">
      <t>モンダイ</t>
    </rPh>
    <phoneticPr fontId="1"/>
  </si>
  <si>
    <t>400～800字</t>
    <rPh sb="7" eb="8">
      <t>ジ</t>
    </rPh>
    <phoneticPr fontId="1"/>
  </si>
  <si>
    <t>津田塾</t>
    <rPh sb="0" eb="3">
      <t>ツダジュク</t>
    </rPh>
    <phoneticPr fontId="1"/>
  </si>
  <si>
    <t>学芸</t>
    <rPh sb="0" eb="2">
      <t>ガクゲイ</t>
    </rPh>
    <phoneticPr fontId="1"/>
  </si>
  <si>
    <t>津田塾</t>
  </si>
  <si>
    <t>学芸</t>
  </si>
  <si>
    <t>国際関係、多文化･国際協力</t>
  </si>
  <si>
    <t>共通テスト併用Ｂ方式</t>
    <rPh sb="0" eb="2">
      <t>キョウツウ</t>
    </rPh>
    <rPh sb="5" eb="7">
      <t>ヘイヨウ</t>
    </rPh>
    <rPh sb="8" eb="10">
      <t>ホウシキ</t>
    </rPh>
    <phoneticPr fontId="2"/>
  </si>
  <si>
    <t>英語の理解力を必要とする</t>
    <rPh sb="0" eb="2">
      <t>エイゴ</t>
    </rPh>
    <rPh sb="3" eb="6">
      <t>リカイリョク</t>
    </rPh>
    <rPh sb="7" eb="9">
      <t>ヒツヨウ</t>
    </rPh>
    <phoneticPr fontId="1"/>
  </si>
  <si>
    <t>帝京</t>
    <rPh sb="0" eb="2">
      <t>テイキョウ</t>
    </rPh>
    <phoneticPr fontId="1"/>
  </si>
  <si>
    <t>理工</t>
    <rPh sb="0" eb="1">
      <t>リ</t>
    </rPh>
    <rPh sb="1" eb="2">
      <t>コウ</t>
    </rPh>
    <phoneticPr fontId="1"/>
  </si>
  <si>
    <t>帝京</t>
  </si>
  <si>
    <t>一般Ⅲ期</t>
    <rPh sb="0" eb="2">
      <t>イッパン</t>
    </rPh>
    <rPh sb="3" eb="4">
      <t>キ</t>
    </rPh>
    <phoneticPr fontId="2"/>
  </si>
  <si>
    <t>総合問題</t>
    <rPh sb="0" eb="2">
      <t>ソウゴウ</t>
    </rPh>
    <rPh sb="2" eb="4">
      <t>モンダイ</t>
    </rPh>
    <phoneticPr fontId="2"/>
  </si>
  <si>
    <t>理工系の分野の文章や図表等を読み解き、自分自身の考えやその分野の将来について書く</t>
    <rPh sb="0" eb="3">
      <t>リコウケイ</t>
    </rPh>
    <rPh sb="4" eb="6">
      <t>ブンヤ</t>
    </rPh>
    <rPh sb="7" eb="9">
      <t>ブンショウ</t>
    </rPh>
    <rPh sb="10" eb="12">
      <t>ズヒョウ</t>
    </rPh>
    <rPh sb="12" eb="13">
      <t>ナド</t>
    </rPh>
    <rPh sb="14" eb="15">
      <t>ヨ</t>
    </rPh>
    <rPh sb="16" eb="17">
      <t>ト</t>
    </rPh>
    <rPh sb="19" eb="21">
      <t>ジブン</t>
    </rPh>
    <rPh sb="21" eb="23">
      <t>ジシン</t>
    </rPh>
    <rPh sb="24" eb="25">
      <t>カンガ</t>
    </rPh>
    <rPh sb="29" eb="31">
      <t>ブンヤ</t>
    </rPh>
    <rPh sb="32" eb="34">
      <t>ショウライ</t>
    </rPh>
    <rPh sb="38" eb="39">
      <t>カ</t>
    </rPh>
    <phoneticPr fontId="1"/>
  </si>
  <si>
    <t>課題作文</t>
    <rPh sb="0" eb="2">
      <t>カダイ</t>
    </rPh>
    <rPh sb="2" eb="4">
      <t>サクブン</t>
    </rPh>
    <phoneticPr fontId="1"/>
  </si>
  <si>
    <t>300字</t>
    <rPh sb="3" eb="4">
      <t>ジ</t>
    </rPh>
    <phoneticPr fontId="1"/>
  </si>
  <si>
    <t>帝京平成</t>
    <rPh sb="0" eb="2">
      <t>テイキョウ</t>
    </rPh>
    <rPh sb="2" eb="4">
      <t>ヘイセイ</t>
    </rPh>
    <phoneticPr fontId="1"/>
  </si>
  <si>
    <t>人文社会</t>
    <rPh sb="0" eb="2">
      <t>ジンブン</t>
    </rPh>
    <rPh sb="2" eb="4">
      <t>シャカイ</t>
    </rPh>
    <phoneticPr fontId="1"/>
  </si>
  <si>
    <t>帝京平成</t>
  </si>
  <si>
    <t>記述式総合問題</t>
    <rPh sb="0" eb="3">
      <t>キジュツシキ</t>
    </rPh>
    <rPh sb="3" eb="5">
      <t>ソウゴウ</t>
    </rPh>
    <rPh sb="5" eb="7">
      <t>モンダイ</t>
    </rPh>
    <phoneticPr fontId="1"/>
  </si>
  <si>
    <t>300～400字</t>
    <rPh sb="7" eb="8">
      <t>ジ</t>
    </rPh>
    <phoneticPr fontId="1"/>
  </si>
  <si>
    <t>デジタルハリウッド</t>
  </si>
  <si>
    <t>デジタルコミュニケーション</t>
  </si>
  <si>
    <t>デジタルコンテンツ</t>
  </si>
  <si>
    <t>一般Ｂ方式</t>
    <rPh sb="0" eb="2">
      <t>イッパン</t>
    </rPh>
    <rPh sb="3" eb="5">
      <t>ホウシキ</t>
    </rPh>
    <phoneticPr fontId="1"/>
  </si>
  <si>
    <t>800～1600字</t>
    <rPh sb="8" eb="9">
      <t>ジ</t>
    </rPh>
    <phoneticPr fontId="1"/>
  </si>
  <si>
    <t>東海</t>
  </si>
  <si>
    <t>500字</t>
    <rPh sb="3" eb="4">
      <t>ジ</t>
    </rPh>
    <phoneticPr fontId="1"/>
  </si>
  <si>
    <t>東京有明医療</t>
    <rPh sb="0" eb="2">
      <t>トウキョウ</t>
    </rPh>
    <rPh sb="2" eb="4">
      <t>アリアケ</t>
    </rPh>
    <rPh sb="4" eb="6">
      <t>イリョウ</t>
    </rPh>
    <phoneticPr fontId="1"/>
  </si>
  <si>
    <t>東京有明医療</t>
  </si>
  <si>
    <t>第２回</t>
    <rPh sb="0" eb="1">
      <t>ダイ</t>
    </rPh>
    <rPh sb="2" eb="3">
      <t>カイ</t>
    </rPh>
    <phoneticPr fontId="1"/>
  </si>
  <si>
    <t>東京音楽</t>
    <rPh sb="0" eb="2">
      <t>トウキョウ</t>
    </rPh>
    <rPh sb="2" eb="4">
      <t>オンガク</t>
    </rPh>
    <phoneticPr fontId="1"/>
  </si>
  <si>
    <t>東京音楽</t>
  </si>
  <si>
    <t>音楽文化教育、ミュージックビジネス･テクノロジー</t>
  </si>
  <si>
    <t>東京国際工科専門職</t>
    <rPh sb="0" eb="6">
      <t>トウキョウコクサイコウカ</t>
    </rPh>
    <rPh sb="6" eb="9">
      <t>センモンショク</t>
    </rPh>
    <phoneticPr fontId="1"/>
  </si>
  <si>
    <t>工科学</t>
    <rPh sb="0" eb="2">
      <t>コウカ</t>
    </rPh>
    <rPh sb="2" eb="3">
      <t>ガク</t>
    </rPh>
    <phoneticPr fontId="1"/>
  </si>
  <si>
    <t>東京国際工科専門職</t>
  </si>
  <si>
    <t>工科学</t>
  </si>
  <si>
    <t>入試要項記載の大学メッセージを読み、あなたがイメージする未来において、どのような社会変革や社会貢献を目指し、活躍していきたいかを書く</t>
    <rPh sb="0" eb="6">
      <t>ニュウシヨウコウキサイ</t>
    </rPh>
    <rPh sb="7" eb="9">
      <t>ダイガク</t>
    </rPh>
    <rPh sb="15" eb="16">
      <t>ヨ</t>
    </rPh>
    <rPh sb="28" eb="30">
      <t>ミライ</t>
    </rPh>
    <rPh sb="40" eb="42">
      <t>シャカイ</t>
    </rPh>
    <rPh sb="42" eb="44">
      <t>ヘンカク</t>
    </rPh>
    <rPh sb="45" eb="49">
      <t>シャカイコウケン</t>
    </rPh>
    <rPh sb="50" eb="52">
      <t>メザ</t>
    </rPh>
    <rPh sb="54" eb="56">
      <t>カツヤク</t>
    </rPh>
    <rPh sb="64" eb="65">
      <t>カ</t>
    </rPh>
    <phoneticPr fontId="1"/>
  </si>
  <si>
    <t>東京慈恵会医科</t>
    <rPh sb="0" eb="2">
      <t>トウキョウ</t>
    </rPh>
    <rPh sb="2" eb="5">
      <t>ジケイカイ</t>
    </rPh>
    <rPh sb="5" eb="7">
      <t>イカ</t>
    </rPh>
    <phoneticPr fontId="1"/>
  </si>
  <si>
    <t>東京慈恵会医科</t>
  </si>
  <si>
    <t>1500字</t>
    <rPh sb="4" eb="5">
      <t>ジ</t>
    </rPh>
    <phoneticPr fontId="1"/>
  </si>
  <si>
    <t>課題文の要約（300字以内）と課題文に関する論述（1200字以内）を課す</t>
    <rPh sb="0" eb="2">
      <t>カダイ</t>
    </rPh>
    <rPh sb="2" eb="3">
      <t>ブン</t>
    </rPh>
    <rPh sb="4" eb="6">
      <t>ヨウヤク</t>
    </rPh>
    <rPh sb="10" eb="11">
      <t>ジ</t>
    </rPh>
    <rPh sb="11" eb="13">
      <t>イナイ</t>
    </rPh>
    <rPh sb="15" eb="18">
      <t>カダイブン</t>
    </rPh>
    <rPh sb="19" eb="20">
      <t>カン</t>
    </rPh>
    <rPh sb="22" eb="24">
      <t>ロンジュツ</t>
    </rPh>
    <rPh sb="29" eb="30">
      <t>ジ</t>
    </rPh>
    <rPh sb="30" eb="32">
      <t>イナイ</t>
    </rPh>
    <rPh sb="34" eb="35">
      <t>カ</t>
    </rPh>
    <phoneticPr fontId="1"/>
  </si>
  <si>
    <t>東京純心</t>
    <rPh sb="0" eb="2">
      <t>トウキョウ</t>
    </rPh>
    <rPh sb="2" eb="4">
      <t>ジュンシン</t>
    </rPh>
    <phoneticPr fontId="1"/>
  </si>
  <si>
    <t>看護</t>
    <rPh sb="0" eb="2">
      <t>カンゴ</t>
    </rPh>
    <phoneticPr fontId="1"/>
  </si>
  <si>
    <t>東京純心</t>
  </si>
  <si>
    <t>一般３期</t>
    <rPh sb="0" eb="2">
      <t>イッパン</t>
    </rPh>
    <rPh sb="3" eb="4">
      <t>キ</t>
    </rPh>
    <phoneticPr fontId="1"/>
  </si>
  <si>
    <t>テーマ「患者とのコミュニケーションにおける自己の課題」</t>
    <rPh sb="4" eb="6">
      <t>カンジャ</t>
    </rPh>
    <rPh sb="21" eb="23">
      <t>ジコ</t>
    </rPh>
    <rPh sb="24" eb="26">
      <t>カダイ</t>
    </rPh>
    <phoneticPr fontId="1"/>
  </si>
  <si>
    <t>東京女子</t>
    <rPh sb="0" eb="4">
      <t>トウキョウジョシ</t>
    </rPh>
    <phoneticPr fontId="1"/>
  </si>
  <si>
    <t>現代教養</t>
    <rPh sb="0" eb="4">
      <t>ゲンダイキョウヨウ</t>
    </rPh>
    <phoneticPr fontId="1"/>
  </si>
  <si>
    <t>東京女子</t>
  </si>
  <si>
    <t>人文－哲学</t>
  </si>
  <si>
    <t>３月期</t>
    <rPh sb="1" eb="3">
      <t>ガツキ</t>
    </rPh>
    <phoneticPr fontId="1"/>
  </si>
  <si>
    <t>哲学に関する文章の読解力、および理解した内容を踏まえた思考力・表現力を問う</t>
    <rPh sb="0" eb="2">
      <t>テツガク</t>
    </rPh>
    <rPh sb="3" eb="4">
      <t>カン</t>
    </rPh>
    <rPh sb="6" eb="8">
      <t>ブンショウ</t>
    </rPh>
    <rPh sb="9" eb="12">
      <t>ドッカイリョク</t>
    </rPh>
    <rPh sb="16" eb="18">
      <t>リカイ</t>
    </rPh>
    <rPh sb="20" eb="22">
      <t>ナイヨウ</t>
    </rPh>
    <rPh sb="23" eb="24">
      <t>フ</t>
    </rPh>
    <rPh sb="27" eb="30">
      <t>シコウリョク</t>
    </rPh>
    <rPh sb="31" eb="34">
      <t>ヒョウゲンリョク</t>
    </rPh>
    <rPh sb="35" eb="36">
      <t>ト</t>
    </rPh>
    <phoneticPr fontId="1"/>
  </si>
  <si>
    <t>人文－日本文学文化</t>
  </si>
  <si>
    <t>日本の文学や文化や日本語、世界の中の日本等に関する文章の読解力、および理解した内容を踏まえた思考力・表現力を問う</t>
    <rPh sb="0" eb="2">
      <t>ニホン</t>
    </rPh>
    <rPh sb="3" eb="5">
      <t>ブンガク</t>
    </rPh>
    <rPh sb="6" eb="8">
      <t>ブンカ</t>
    </rPh>
    <rPh sb="9" eb="12">
      <t>ニホンゴ</t>
    </rPh>
    <rPh sb="13" eb="15">
      <t>セカイ</t>
    </rPh>
    <rPh sb="16" eb="17">
      <t>ナカ</t>
    </rPh>
    <rPh sb="18" eb="20">
      <t>ニホン</t>
    </rPh>
    <rPh sb="20" eb="21">
      <t>ナド</t>
    </rPh>
    <rPh sb="22" eb="23">
      <t>カン</t>
    </rPh>
    <rPh sb="25" eb="27">
      <t>ブンショウ</t>
    </rPh>
    <rPh sb="28" eb="31">
      <t>ドッカイリョク</t>
    </rPh>
    <rPh sb="35" eb="37">
      <t>リカイ</t>
    </rPh>
    <rPh sb="39" eb="41">
      <t>ナイヨウ</t>
    </rPh>
    <rPh sb="42" eb="43">
      <t>フ</t>
    </rPh>
    <rPh sb="46" eb="49">
      <t>シコウリョク</t>
    </rPh>
    <rPh sb="50" eb="53">
      <t>ヒョウゲンリョク</t>
    </rPh>
    <rPh sb="54" eb="55">
      <t>ト</t>
    </rPh>
    <phoneticPr fontId="1"/>
  </si>
  <si>
    <t>国際関係に関する文章（日本語・英語）を読み、それらの事項への関心・読解力および思考力・表現力を評価する</t>
    <rPh sb="0" eb="4">
      <t>コクサイカンケイ</t>
    </rPh>
    <rPh sb="5" eb="6">
      <t>カン</t>
    </rPh>
    <rPh sb="8" eb="10">
      <t>ブンショウ</t>
    </rPh>
    <rPh sb="11" eb="14">
      <t>ニホンゴ</t>
    </rPh>
    <rPh sb="15" eb="17">
      <t>エイゴ</t>
    </rPh>
    <rPh sb="19" eb="20">
      <t>ヨ</t>
    </rPh>
    <rPh sb="26" eb="28">
      <t>ジコウ</t>
    </rPh>
    <rPh sb="30" eb="32">
      <t>カンシン</t>
    </rPh>
    <rPh sb="33" eb="36">
      <t>ドッカイリョク</t>
    </rPh>
    <rPh sb="39" eb="42">
      <t>シコウリョク</t>
    </rPh>
    <rPh sb="43" eb="46">
      <t>ヒョウゲンリョク</t>
    </rPh>
    <rPh sb="47" eb="49">
      <t>ヒョウカ</t>
    </rPh>
    <phoneticPr fontId="1"/>
  </si>
  <si>
    <t>東京神学</t>
    <rPh sb="0" eb="2">
      <t>トウキョウ</t>
    </rPh>
    <rPh sb="2" eb="4">
      <t>シンガク</t>
    </rPh>
    <phoneticPr fontId="1"/>
  </si>
  <si>
    <t>東京神学</t>
  </si>
  <si>
    <t>東京成徳</t>
    <rPh sb="0" eb="4">
      <t>トウキョウセイトク</t>
    </rPh>
    <phoneticPr fontId="1"/>
  </si>
  <si>
    <t>東京成徳</t>
  </si>
  <si>
    <t>一般Ｄ日程入試</t>
    <rPh sb="0" eb="2">
      <t>イッパン</t>
    </rPh>
    <rPh sb="3" eb="7">
      <t>ニッテイニュウシ</t>
    </rPh>
    <phoneticPr fontId="1"/>
  </si>
  <si>
    <t>漢字問題や計算を必要とする問題等を含む場合がある</t>
    <rPh sb="0" eb="2">
      <t>カンジ</t>
    </rPh>
    <rPh sb="2" eb="4">
      <t>モンダイ</t>
    </rPh>
    <rPh sb="5" eb="7">
      <t>ケイサン</t>
    </rPh>
    <rPh sb="8" eb="10">
      <t>ヒツヨウ</t>
    </rPh>
    <rPh sb="13" eb="15">
      <t>モンダイ</t>
    </rPh>
    <rPh sb="15" eb="16">
      <t>ナド</t>
    </rPh>
    <rPh sb="17" eb="18">
      <t>フク</t>
    </rPh>
    <rPh sb="19" eb="21">
      <t>バアイ</t>
    </rPh>
    <phoneticPr fontId="1"/>
  </si>
  <si>
    <t>東京都市</t>
    <rPh sb="0" eb="4">
      <t>トウキョウトシ</t>
    </rPh>
    <phoneticPr fontId="1"/>
  </si>
  <si>
    <t>東京都市</t>
  </si>
  <si>
    <t>前期探究問題共テ併用型</t>
    <rPh sb="0" eb="2">
      <t>ゼンキ</t>
    </rPh>
    <rPh sb="2" eb="6">
      <t>タンキュウモンダイ</t>
    </rPh>
    <rPh sb="6" eb="7">
      <t>キョウ</t>
    </rPh>
    <rPh sb="8" eb="10">
      <t>ヘイヨウ</t>
    </rPh>
    <rPh sb="10" eb="11">
      <t>ガタ</t>
    </rPh>
    <phoneticPr fontId="1"/>
  </si>
  <si>
    <t>探究総合問題</t>
    <rPh sb="0" eb="2">
      <t>タンキュウ</t>
    </rPh>
    <rPh sb="2" eb="4">
      <t>ソウゴウ</t>
    </rPh>
    <rPh sb="4" eb="6">
      <t>モンダイ</t>
    </rPh>
    <phoneticPr fontId="1"/>
  </si>
  <si>
    <t>特定の教科・科目に限定されずに「思考力・判断力・表現力」を評価する総合的な問題</t>
    <rPh sb="0" eb="2">
      <t>トクテイ</t>
    </rPh>
    <rPh sb="3" eb="5">
      <t>キョウカ</t>
    </rPh>
    <rPh sb="6" eb="8">
      <t>カモク</t>
    </rPh>
    <rPh sb="9" eb="11">
      <t>ゲンテイ</t>
    </rPh>
    <rPh sb="16" eb="19">
      <t>シコウリョク</t>
    </rPh>
    <rPh sb="20" eb="23">
      <t>ハンダンリョク</t>
    </rPh>
    <rPh sb="24" eb="27">
      <t>ヒョウゲンリョク</t>
    </rPh>
    <rPh sb="29" eb="31">
      <t>ヒョウカ</t>
    </rPh>
    <rPh sb="33" eb="35">
      <t>ソウゴウ</t>
    </rPh>
    <rPh sb="35" eb="36">
      <t>テキ</t>
    </rPh>
    <rPh sb="37" eb="39">
      <t>モンダイ</t>
    </rPh>
    <phoneticPr fontId="1"/>
  </si>
  <si>
    <t>日本獣医生命科学</t>
    <rPh sb="0" eb="2">
      <t>ニホン</t>
    </rPh>
    <rPh sb="2" eb="4">
      <t>ジュウイ</t>
    </rPh>
    <rPh sb="4" eb="6">
      <t>セイメイ</t>
    </rPh>
    <rPh sb="6" eb="8">
      <t>カガク</t>
    </rPh>
    <phoneticPr fontId="1"/>
  </si>
  <si>
    <t>日本獣医生命科学</t>
  </si>
  <si>
    <t>一般Ⅱ期</t>
    <rPh sb="0" eb="2">
      <t>イッパン</t>
    </rPh>
    <rPh sb="3" eb="4">
      <t>キ</t>
    </rPh>
    <phoneticPr fontId="1"/>
  </si>
  <si>
    <t>資料を読み解き内容を的確に把握した上で、自らの考えを表現する記述問題</t>
    <rPh sb="0" eb="2">
      <t>シリョウ</t>
    </rPh>
    <rPh sb="3" eb="4">
      <t>ヨ</t>
    </rPh>
    <rPh sb="5" eb="6">
      <t>ト</t>
    </rPh>
    <rPh sb="7" eb="9">
      <t>ナイヨウ</t>
    </rPh>
    <rPh sb="10" eb="12">
      <t>テキカク</t>
    </rPh>
    <rPh sb="13" eb="15">
      <t>ハアク</t>
    </rPh>
    <rPh sb="17" eb="18">
      <t>ウエ</t>
    </rPh>
    <rPh sb="20" eb="21">
      <t>ミズカ</t>
    </rPh>
    <rPh sb="23" eb="24">
      <t>カンガ</t>
    </rPh>
    <rPh sb="26" eb="28">
      <t>ヒョウゲン</t>
    </rPh>
    <rPh sb="30" eb="32">
      <t>キジュツ</t>
    </rPh>
    <rPh sb="32" eb="34">
      <t>モンダイ</t>
    </rPh>
    <phoneticPr fontId="1"/>
  </si>
  <si>
    <t>文京学院</t>
    <rPh sb="0" eb="2">
      <t>ブンキョウ</t>
    </rPh>
    <rPh sb="2" eb="4">
      <t>ガクイン</t>
    </rPh>
    <phoneticPr fontId="1"/>
  </si>
  <si>
    <t>文京学院</t>
  </si>
  <si>
    <t>資料や図表を読み解き、設問に解答、一部記述を含む。文章の読解力に加え、図や表を読み解く力等を問う</t>
    <rPh sb="0" eb="2">
      <t>シリョウ</t>
    </rPh>
    <rPh sb="3" eb="5">
      <t>ズヒョウ</t>
    </rPh>
    <rPh sb="6" eb="7">
      <t>ヨ</t>
    </rPh>
    <rPh sb="8" eb="9">
      <t>ト</t>
    </rPh>
    <rPh sb="11" eb="13">
      <t>セツモン</t>
    </rPh>
    <rPh sb="14" eb="16">
      <t>カイトウ</t>
    </rPh>
    <rPh sb="17" eb="19">
      <t>イチブ</t>
    </rPh>
    <rPh sb="19" eb="21">
      <t>キジュツ</t>
    </rPh>
    <rPh sb="22" eb="23">
      <t>フク</t>
    </rPh>
    <rPh sb="25" eb="27">
      <t>ブンショウ</t>
    </rPh>
    <rPh sb="28" eb="31">
      <t>ドッカイリョク</t>
    </rPh>
    <rPh sb="32" eb="33">
      <t>クワ</t>
    </rPh>
    <rPh sb="35" eb="36">
      <t>ズ</t>
    </rPh>
    <rPh sb="37" eb="38">
      <t>ヒョウ</t>
    </rPh>
    <rPh sb="39" eb="40">
      <t>ヨ</t>
    </rPh>
    <rPh sb="41" eb="42">
      <t>ト</t>
    </rPh>
    <rPh sb="43" eb="44">
      <t>チカラ</t>
    </rPh>
    <rPh sb="44" eb="45">
      <t>ナド</t>
    </rPh>
    <rPh sb="46" eb="47">
      <t>ト</t>
    </rPh>
    <phoneticPr fontId="1"/>
  </si>
  <si>
    <t>法政</t>
  </si>
  <si>
    <t>日本文</t>
  </si>
  <si>
    <t>Ｔ日程</t>
    <rPh sb="1" eb="3">
      <t>ニッテイ</t>
    </rPh>
    <phoneticPr fontId="1"/>
  </si>
  <si>
    <t xml:space="preserve">小川洋子『博士の愛した数式』を課題図書として出題。受験時に参照する課題図書は試験当日に大学から提供する
</t>
    <rPh sb="0" eb="2">
      <t>オガワ</t>
    </rPh>
    <rPh sb="2" eb="4">
      <t>ヨウコ</t>
    </rPh>
    <rPh sb="5" eb="7">
      <t>ハカセ</t>
    </rPh>
    <rPh sb="8" eb="9">
      <t>アイ</t>
    </rPh>
    <rPh sb="11" eb="13">
      <t>スウシキ</t>
    </rPh>
    <rPh sb="15" eb="17">
      <t>カダイ</t>
    </rPh>
    <rPh sb="17" eb="19">
      <t>トショ</t>
    </rPh>
    <rPh sb="22" eb="24">
      <t>シュツダイ</t>
    </rPh>
    <rPh sb="25" eb="27">
      <t>ジュケン</t>
    </rPh>
    <rPh sb="27" eb="28">
      <t>ジ</t>
    </rPh>
    <rPh sb="29" eb="31">
      <t>サンショウ</t>
    </rPh>
    <rPh sb="33" eb="35">
      <t>カダイ</t>
    </rPh>
    <rPh sb="35" eb="37">
      <t>トショ</t>
    </rPh>
    <rPh sb="38" eb="42">
      <t>シケントウジツ</t>
    </rPh>
    <rPh sb="43" eb="45">
      <t>ダイガク</t>
    </rPh>
    <rPh sb="47" eb="49">
      <t>テイキョウ</t>
    </rPh>
    <phoneticPr fontId="1"/>
  </si>
  <si>
    <t>武蔵野音楽</t>
  </si>
  <si>
    <t>音楽－オープンメジャー・アートマネジメント</t>
  </si>
  <si>
    <t>芸術文化全般に関する小論文</t>
    <rPh sb="0" eb="2">
      <t>ゲイジュツ</t>
    </rPh>
    <rPh sb="2" eb="4">
      <t>ブンカ</t>
    </rPh>
    <rPh sb="4" eb="6">
      <t>ゼンパン</t>
    </rPh>
    <rPh sb="7" eb="8">
      <t>カン</t>
    </rPh>
    <rPh sb="10" eb="12">
      <t>ショウロン</t>
    </rPh>
    <rPh sb="12" eb="13">
      <t>ブン</t>
    </rPh>
    <phoneticPr fontId="1"/>
  </si>
  <si>
    <t>音楽－音楽学</t>
  </si>
  <si>
    <t>音楽を主題とする小論文を課す</t>
    <rPh sb="8" eb="11">
      <t>ショウロンブン</t>
    </rPh>
    <rPh sb="12" eb="13">
      <t>カ</t>
    </rPh>
    <phoneticPr fontId="1"/>
  </si>
  <si>
    <t>音楽－音楽教育</t>
  </si>
  <si>
    <t>教育または音楽教育に関する小論文を課す</t>
    <rPh sb="0" eb="2">
      <t>キョウイク</t>
    </rPh>
    <rPh sb="5" eb="7">
      <t>オンガク</t>
    </rPh>
    <rPh sb="7" eb="9">
      <t>キョウイク</t>
    </rPh>
    <rPh sb="10" eb="11">
      <t>カン</t>
    </rPh>
    <rPh sb="13" eb="16">
      <t>ショウロンブン</t>
    </rPh>
    <rPh sb="17" eb="18">
      <t>カ</t>
    </rPh>
    <phoneticPr fontId="1"/>
  </si>
  <si>
    <t>明治学院</t>
    <rPh sb="0" eb="4">
      <t>メイジガクイン</t>
    </rPh>
    <phoneticPr fontId="1"/>
  </si>
  <si>
    <t>社会</t>
    <rPh sb="0" eb="2">
      <t>シャカイ</t>
    </rPh>
    <phoneticPr fontId="1"/>
  </si>
  <si>
    <t>明治学院</t>
  </si>
  <si>
    <t>社会</t>
  </si>
  <si>
    <t>Ｂ日程</t>
    <rPh sb="1" eb="3">
      <t>ニッテイ</t>
    </rPh>
    <phoneticPr fontId="1"/>
  </si>
  <si>
    <t>福祉に関連する文章を読み、設問に答えるとともに、自身の意見を論述する問題</t>
    <rPh sb="0" eb="2">
      <t>フクシ</t>
    </rPh>
    <rPh sb="3" eb="5">
      <t>カンレン</t>
    </rPh>
    <rPh sb="7" eb="9">
      <t>ブンショウ</t>
    </rPh>
    <rPh sb="10" eb="11">
      <t>ヨ</t>
    </rPh>
    <rPh sb="13" eb="15">
      <t>セツモン</t>
    </rPh>
    <rPh sb="16" eb="17">
      <t>コタ</t>
    </rPh>
    <rPh sb="24" eb="26">
      <t>ジシン</t>
    </rPh>
    <rPh sb="27" eb="29">
      <t>イケン</t>
    </rPh>
    <rPh sb="30" eb="32">
      <t>ロンジュツ</t>
    </rPh>
    <rPh sb="34" eb="36">
      <t>モンダイ</t>
    </rPh>
    <phoneticPr fontId="1"/>
  </si>
  <si>
    <t>法律、消費情報環境法、グローバル法</t>
  </si>
  <si>
    <t>論述重点</t>
    <rPh sb="0" eb="4">
      <t>ロンジュツジュウテン</t>
    </rPh>
    <phoneticPr fontId="1"/>
  </si>
  <si>
    <t>社会科学的内容の長文に関する問題</t>
    <rPh sb="0" eb="4">
      <t>シャカイカガク</t>
    </rPh>
    <rPh sb="4" eb="5">
      <t>テキ</t>
    </rPh>
    <rPh sb="5" eb="7">
      <t>ナイヨウ</t>
    </rPh>
    <rPh sb="8" eb="10">
      <t>チョウブン</t>
    </rPh>
    <rPh sb="11" eb="12">
      <t>カン</t>
    </rPh>
    <rPh sb="14" eb="16">
      <t>モンダイ</t>
    </rPh>
    <phoneticPr fontId="1"/>
  </si>
  <si>
    <t>早稲田</t>
    <rPh sb="0" eb="3">
      <t>ワセダ</t>
    </rPh>
    <phoneticPr fontId="1"/>
  </si>
  <si>
    <t>早稲田</t>
  </si>
  <si>
    <t>共通テストＣ方式</t>
    <rPh sb="0" eb="2">
      <t>キョウツウ</t>
    </rPh>
    <phoneticPr fontId="1"/>
  </si>
  <si>
    <t>資料を読み解いた上で、読解力・思考力・文章力ならびに教育への関心を問う問題</t>
    <rPh sb="0" eb="2">
      <t>シリョウ</t>
    </rPh>
    <rPh sb="3" eb="4">
      <t>ヨ</t>
    </rPh>
    <rPh sb="5" eb="6">
      <t>ト</t>
    </rPh>
    <rPh sb="8" eb="9">
      <t>ウエ</t>
    </rPh>
    <rPh sb="11" eb="14">
      <t>ドッカイリョク</t>
    </rPh>
    <rPh sb="15" eb="18">
      <t>シコウリョク</t>
    </rPh>
    <rPh sb="19" eb="22">
      <t>ブンショウリョク</t>
    </rPh>
    <rPh sb="26" eb="28">
      <t>キョウイク</t>
    </rPh>
    <rPh sb="30" eb="32">
      <t>カンシン</t>
    </rPh>
    <rPh sb="33" eb="34">
      <t>ト</t>
    </rPh>
    <rPh sb="35" eb="37">
      <t>モンダイ</t>
    </rPh>
    <phoneticPr fontId="1"/>
  </si>
  <si>
    <t>共通テストＣ方式</t>
  </si>
  <si>
    <t>社会への関心を問い、日本語または英語の資料や図表を読み解いた上で、解答する問題</t>
    <rPh sb="0" eb="2">
      <t>シャカイ</t>
    </rPh>
    <rPh sb="4" eb="6">
      <t>カンシン</t>
    </rPh>
    <rPh sb="7" eb="8">
      <t>ト</t>
    </rPh>
    <rPh sb="10" eb="13">
      <t>ニホンゴ</t>
    </rPh>
    <rPh sb="16" eb="18">
      <t>エイゴ</t>
    </rPh>
    <rPh sb="19" eb="21">
      <t>シリョウ</t>
    </rPh>
    <rPh sb="22" eb="24">
      <t>ズヒョウ</t>
    </rPh>
    <rPh sb="25" eb="26">
      <t>ヨ</t>
    </rPh>
    <rPh sb="27" eb="28">
      <t>ト</t>
    </rPh>
    <rPh sb="30" eb="31">
      <t>ウエ</t>
    </rPh>
    <rPh sb="33" eb="35">
      <t>カイトウ</t>
    </rPh>
    <rPh sb="37" eb="39">
      <t>モンダイ</t>
    </rPh>
    <phoneticPr fontId="1"/>
  </si>
  <si>
    <t>複合文化</t>
  </si>
  <si>
    <t>複数の資料を読み解いた上で、自分の考えを論理的に述べる論述問題</t>
    <rPh sb="0" eb="2">
      <t>フクスウ</t>
    </rPh>
    <rPh sb="3" eb="5">
      <t>シリョウ</t>
    </rPh>
    <rPh sb="6" eb="7">
      <t>ヨ</t>
    </rPh>
    <rPh sb="8" eb="9">
      <t>ト</t>
    </rPh>
    <rPh sb="11" eb="12">
      <t>ウエ</t>
    </rPh>
    <rPh sb="14" eb="16">
      <t>ジブン</t>
    </rPh>
    <rPh sb="17" eb="18">
      <t>カンガ</t>
    </rPh>
    <rPh sb="20" eb="23">
      <t>ロンリテキ</t>
    </rPh>
    <rPh sb="24" eb="25">
      <t>ノ</t>
    </rPh>
    <rPh sb="27" eb="29">
      <t>ロンジュツ</t>
    </rPh>
    <rPh sb="29" eb="31">
      <t>モンダイ</t>
    </rPh>
    <phoneticPr fontId="1"/>
  </si>
  <si>
    <t>社会科学</t>
    <rPh sb="0" eb="2">
      <t>シャカイ</t>
    </rPh>
    <rPh sb="2" eb="4">
      <t>カガク</t>
    </rPh>
    <phoneticPr fontId="1"/>
  </si>
  <si>
    <t>共通テスト併用総合問題型</t>
    <rPh sb="7" eb="12">
      <t>ソウゴウモンダイガタ</t>
    </rPh>
    <phoneticPr fontId="1"/>
  </si>
  <si>
    <t>社会における諸課題に関する文章を読み解き、論理的思考力および表現力を問う問題</t>
    <rPh sb="0" eb="2">
      <t>シャカイ</t>
    </rPh>
    <rPh sb="6" eb="9">
      <t>ショカダイ</t>
    </rPh>
    <rPh sb="10" eb="11">
      <t>カン</t>
    </rPh>
    <rPh sb="13" eb="15">
      <t>ブンショウ</t>
    </rPh>
    <rPh sb="16" eb="17">
      <t>ヨ</t>
    </rPh>
    <rPh sb="18" eb="19">
      <t>ト</t>
    </rPh>
    <rPh sb="21" eb="24">
      <t>ロンリテキ</t>
    </rPh>
    <rPh sb="24" eb="27">
      <t>シコウリョク</t>
    </rPh>
    <rPh sb="30" eb="33">
      <t>ヒョウゲンリョク</t>
    </rPh>
    <rPh sb="34" eb="35">
      <t>ト</t>
    </rPh>
    <rPh sb="36" eb="38">
      <t>モンダイ</t>
    </rPh>
    <phoneticPr fontId="1"/>
  </si>
  <si>
    <t>政治経済</t>
    <rPh sb="0" eb="2">
      <t>セイジ</t>
    </rPh>
    <rPh sb="2" eb="4">
      <t>ケイザイ</t>
    </rPh>
    <phoneticPr fontId="1"/>
  </si>
  <si>
    <t>政治経済</t>
  </si>
  <si>
    <t>共通テスト併用</t>
  </si>
  <si>
    <t xml:space="preserve">日英両言語による長文を読み解いた上で解答する形式とし、記述式解答を含む（英語４技能のうち、「書く」能力を問う問題も設ける）
</t>
    <rPh sb="0" eb="1">
      <t>ヒ</t>
    </rPh>
    <rPh sb="1" eb="2">
      <t>エイ</t>
    </rPh>
    <rPh sb="2" eb="3">
      <t>リョウ</t>
    </rPh>
    <rPh sb="3" eb="5">
      <t>ゲンゴ</t>
    </rPh>
    <rPh sb="8" eb="10">
      <t>チョウブン</t>
    </rPh>
    <rPh sb="11" eb="12">
      <t>ヨ</t>
    </rPh>
    <rPh sb="13" eb="14">
      <t>ト</t>
    </rPh>
    <rPh sb="16" eb="17">
      <t>ウエ</t>
    </rPh>
    <rPh sb="18" eb="20">
      <t>カイトウ</t>
    </rPh>
    <rPh sb="22" eb="24">
      <t>ケイシキ</t>
    </rPh>
    <rPh sb="27" eb="29">
      <t>キジュツ</t>
    </rPh>
    <rPh sb="29" eb="30">
      <t>シキ</t>
    </rPh>
    <rPh sb="30" eb="32">
      <t>カイトウ</t>
    </rPh>
    <rPh sb="33" eb="34">
      <t>フク</t>
    </rPh>
    <rPh sb="36" eb="38">
      <t>エイゴ</t>
    </rPh>
    <phoneticPr fontId="1"/>
  </si>
  <si>
    <t>スポーツ科学</t>
    <rPh sb="4" eb="6">
      <t>カガク</t>
    </rPh>
    <phoneticPr fontId="1"/>
  </si>
  <si>
    <t>スポーツ科学</t>
  </si>
  <si>
    <t>データの読み取りや小論文を含む</t>
    <rPh sb="4" eb="5">
      <t>ヨ</t>
    </rPh>
    <rPh sb="6" eb="7">
      <t>ト</t>
    </rPh>
    <rPh sb="9" eb="12">
      <t>ショウロンブン</t>
    </rPh>
    <rPh sb="13" eb="14">
      <t>フク</t>
    </rPh>
    <phoneticPr fontId="1"/>
  </si>
  <si>
    <t>神奈川歯科</t>
  </si>
  <si>
    <t>湘南工科</t>
    <rPh sb="0" eb="4">
      <t>ショウナンコウカ</t>
    </rPh>
    <phoneticPr fontId="1"/>
  </si>
  <si>
    <t>湘南工科</t>
  </si>
  <si>
    <t>一般Ｓ方式２教科型、前期２教科型</t>
    <rPh sb="0" eb="2">
      <t>イッパン</t>
    </rPh>
    <rPh sb="3" eb="5">
      <t>ホウシキ</t>
    </rPh>
    <rPh sb="6" eb="8">
      <t>キョウカ</t>
    </rPh>
    <rPh sb="8" eb="9">
      <t>ガタ</t>
    </rPh>
    <rPh sb="10" eb="12">
      <t>ゼンキ</t>
    </rPh>
    <rPh sb="13" eb="15">
      <t>キョウカ</t>
    </rPh>
    <rPh sb="15" eb="16">
      <t>カタ</t>
    </rPh>
    <phoneticPr fontId="1"/>
  </si>
  <si>
    <t>国語を基とした読解力と表現力を測る問題</t>
    <rPh sb="0" eb="2">
      <t>コクゴ</t>
    </rPh>
    <rPh sb="3" eb="4">
      <t>モト</t>
    </rPh>
    <rPh sb="7" eb="10">
      <t>ドッカイリョク</t>
    </rPh>
    <rPh sb="11" eb="14">
      <t>ヒョウゲンリョク</t>
    </rPh>
    <rPh sb="15" eb="16">
      <t>ハカ</t>
    </rPh>
    <rPh sb="17" eb="19">
      <t>モンダイ</t>
    </rPh>
    <phoneticPr fontId="1"/>
  </si>
  <si>
    <t>総合デザイン、人間環境</t>
  </si>
  <si>
    <t>一般Ｓ方式文系２教科型</t>
    <rPh sb="0" eb="2">
      <t>イッパン</t>
    </rPh>
    <rPh sb="3" eb="5">
      <t>ホウシキ</t>
    </rPh>
    <rPh sb="5" eb="7">
      <t>ブンケイ</t>
    </rPh>
    <rPh sb="8" eb="10">
      <t>キョウカ</t>
    </rPh>
    <rPh sb="10" eb="11">
      <t>ガタ</t>
    </rPh>
    <phoneticPr fontId="1"/>
  </si>
  <si>
    <t>情報</t>
    <rPh sb="0" eb="2">
      <t>ジョウホウ</t>
    </rPh>
    <phoneticPr fontId="1"/>
  </si>
  <si>
    <t>情報（情報メディア）</t>
  </si>
  <si>
    <t>昭和音楽</t>
  </si>
  <si>
    <t>音楽芸術運営（アートマネジメント、舞台スタッフ、音楽療法、音楽教養）</t>
  </si>
  <si>
    <t>洗足学園音楽</t>
  </si>
  <si>
    <t>音楽教育や音楽全般に関わる論題を出題する。ただし、特別な専門知識は要求しない</t>
    <rPh sb="0" eb="2">
      <t>オンガク</t>
    </rPh>
    <rPh sb="2" eb="4">
      <t>キョウイク</t>
    </rPh>
    <rPh sb="5" eb="7">
      <t>オンガク</t>
    </rPh>
    <rPh sb="7" eb="9">
      <t>ゼンパン</t>
    </rPh>
    <rPh sb="10" eb="11">
      <t>カカ</t>
    </rPh>
    <rPh sb="13" eb="15">
      <t>ロンダイ</t>
    </rPh>
    <rPh sb="16" eb="18">
      <t>シュツダイ</t>
    </rPh>
    <phoneticPr fontId="1"/>
  </si>
  <si>
    <t>音楽－音楽環境創造</t>
  </si>
  <si>
    <t>制限なし</t>
    <rPh sb="0" eb="2">
      <t>セイゲン</t>
    </rPh>
    <phoneticPr fontId="1"/>
  </si>
  <si>
    <t>ライヴコンサートを成功させるためには、何が重要だと考えますか。あなたの考えを自由に論じなさい</t>
    <rPh sb="9" eb="11">
      <t>セイコウ</t>
    </rPh>
    <rPh sb="19" eb="20">
      <t>ナニ</t>
    </rPh>
    <rPh sb="21" eb="23">
      <t>ジュウヨウ</t>
    </rPh>
    <rPh sb="25" eb="26">
      <t>カンガ</t>
    </rPh>
    <rPh sb="35" eb="36">
      <t>カンガ</t>
    </rPh>
    <rPh sb="38" eb="40">
      <t>ジユウ</t>
    </rPh>
    <rPh sb="41" eb="42">
      <t>ロン</t>
    </rPh>
    <phoneticPr fontId="1"/>
  </si>
  <si>
    <t>一般Ｂ日程</t>
    <rPh sb="3" eb="5">
      <t>ニッテイ</t>
    </rPh>
    <phoneticPr fontId="1"/>
  </si>
  <si>
    <t xml:space="preserve">ライヴコンサートの魅力とは何だと思いますか。あなたの考えを自由に論じなさい
</t>
    <rPh sb="9" eb="11">
      <t>ミリョク</t>
    </rPh>
    <rPh sb="13" eb="14">
      <t>ナン</t>
    </rPh>
    <rPh sb="16" eb="17">
      <t>オモ</t>
    </rPh>
    <rPh sb="26" eb="27">
      <t>カンガ</t>
    </rPh>
    <rPh sb="29" eb="31">
      <t>ジユウ</t>
    </rPh>
    <rPh sb="32" eb="33">
      <t>ロン</t>
    </rPh>
    <phoneticPr fontId="1"/>
  </si>
  <si>
    <t>音楽－メディアアーツ</t>
  </si>
  <si>
    <t>映像や音響に関するテーマを出題する。ただし、特別な専門知識は必要としない</t>
    <rPh sb="0" eb="2">
      <t>エイゾウ</t>
    </rPh>
    <rPh sb="3" eb="5">
      <t>オンキョウ</t>
    </rPh>
    <rPh sb="6" eb="7">
      <t>カン</t>
    </rPh>
    <rPh sb="13" eb="15">
      <t>シュツダイ</t>
    </rPh>
    <rPh sb="22" eb="24">
      <t>トクベツ</t>
    </rPh>
    <rPh sb="25" eb="27">
      <t>センモン</t>
    </rPh>
    <rPh sb="27" eb="29">
      <t>チシキ</t>
    </rPh>
    <rPh sb="30" eb="32">
      <t>ヒツヨウ</t>
    </rPh>
    <phoneticPr fontId="1"/>
  </si>
  <si>
    <t>鶴見</t>
    <rPh sb="0" eb="2">
      <t>ツルミ</t>
    </rPh>
    <phoneticPr fontId="1"/>
  </si>
  <si>
    <t>鶴見</t>
  </si>
  <si>
    <t>歯</t>
    <rPh sb="0" eb="1">
      <t>ハ</t>
    </rPh>
    <phoneticPr fontId="1"/>
  </si>
  <si>
    <t>共通テスト</t>
    <rPh sb="0" eb="2">
      <t>キョウツウ</t>
    </rPh>
    <phoneticPr fontId="1"/>
  </si>
  <si>
    <t>日本映画</t>
    <rPh sb="0" eb="2">
      <t>ニホン</t>
    </rPh>
    <rPh sb="2" eb="4">
      <t>エイガ</t>
    </rPh>
    <phoneticPr fontId="1"/>
  </si>
  <si>
    <t>映画</t>
    <rPh sb="0" eb="2">
      <t>エイガ</t>
    </rPh>
    <phoneticPr fontId="1"/>
  </si>
  <si>
    <t>日本映画</t>
  </si>
  <si>
    <t>映画</t>
  </si>
  <si>
    <t>試験場で課題の映画を鑑賞し、その作品について論述する</t>
    <rPh sb="0" eb="3">
      <t>シケンジョウ</t>
    </rPh>
    <rPh sb="4" eb="6">
      <t>カダイ</t>
    </rPh>
    <rPh sb="7" eb="9">
      <t>エイガ</t>
    </rPh>
    <rPh sb="10" eb="12">
      <t>カンショウ</t>
    </rPh>
    <rPh sb="16" eb="18">
      <t>サクヒン</t>
    </rPh>
    <rPh sb="22" eb="24">
      <t>ロンジュツ</t>
    </rPh>
    <phoneticPr fontId="1"/>
  </si>
  <si>
    <t>横浜創英</t>
    <rPh sb="0" eb="2">
      <t>ヨコハマ</t>
    </rPh>
    <rPh sb="2" eb="4">
      <t>ソウエイ</t>
    </rPh>
    <phoneticPr fontId="1"/>
  </si>
  <si>
    <t>こども教育</t>
    <rPh sb="3" eb="5">
      <t>キョウイク</t>
    </rPh>
    <phoneticPr fontId="1"/>
  </si>
  <si>
    <t>横浜創英</t>
  </si>
  <si>
    <t>①文章理解「現代の国語」「言語文化（古典を除く）」②数的処理「数学Ⅰ」</t>
  </si>
  <si>
    <t>①文章理解「現代の国語」「言語文化（古典を除く）」②数的処理「数学Ⅰ」③人体の構造と機能「生物基礎」</t>
    <rPh sb="1" eb="3">
      <t>ブンショウ</t>
    </rPh>
    <rPh sb="3" eb="5">
      <t>リカイ</t>
    </rPh>
    <rPh sb="6" eb="8">
      <t>ゲンダイ</t>
    </rPh>
    <rPh sb="9" eb="11">
      <t>コクゴ</t>
    </rPh>
    <rPh sb="13" eb="15">
      <t>ゲンゴ</t>
    </rPh>
    <rPh sb="15" eb="17">
      <t>ブンカ</t>
    </rPh>
    <rPh sb="18" eb="20">
      <t>コテン</t>
    </rPh>
    <rPh sb="21" eb="22">
      <t>ノゾ</t>
    </rPh>
    <rPh sb="26" eb="28">
      <t>スウテキ</t>
    </rPh>
    <rPh sb="28" eb="30">
      <t>ショリ</t>
    </rPh>
    <rPh sb="31" eb="33">
      <t>スウガク</t>
    </rPh>
    <rPh sb="36" eb="38">
      <t>ジンタイ</t>
    </rPh>
    <rPh sb="39" eb="41">
      <t>コウゾウ</t>
    </rPh>
    <rPh sb="42" eb="44">
      <t>キノウ</t>
    </rPh>
    <rPh sb="45" eb="47">
      <t>セイブツ</t>
    </rPh>
    <rPh sb="47" eb="49">
      <t>キソ</t>
    </rPh>
    <phoneticPr fontId="1"/>
  </si>
  <si>
    <t>新潟経営</t>
    <rPh sb="0" eb="2">
      <t>ニイガタ</t>
    </rPh>
    <rPh sb="2" eb="4">
      <t>ケイエイ</t>
    </rPh>
    <phoneticPr fontId="1"/>
  </si>
  <si>
    <t>経営情報</t>
    <rPh sb="0" eb="2">
      <t>ケイエイ</t>
    </rPh>
    <rPh sb="2" eb="4">
      <t>ジョウホウ</t>
    </rPh>
    <phoneticPr fontId="1"/>
  </si>
  <si>
    <t>新潟経営</t>
  </si>
  <si>
    <t>経営情報</t>
  </si>
  <si>
    <t>学力総合</t>
    <rPh sb="0" eb="2">
      <t>ガクリョク</t>
    </rPh>
    <rPh sb="2" eb="4">
      <t>ソウゴウ</t>
    </rPh>
    <phoneticPr fontId="1"/>
  </si>
  <si>
    <t>記述形式（ペーパーインタビューを含む）をもって、文章・資料の読み取り能力・論理的な文章構成力・高等学校までの学習内容について基礎的・基本的事項が定着しているかを独自試験にて測る</t>
    <rPh sb="0" eb="2">
      <t>キジュツ</t>
    </rPh>
    <rPh sb="2" eb="4">
      <t>ケイシキ</t>
    </rPh>
    <rPh sb="16" eb="17">
      <t>フク</t>
    </rPh>
    <rPh sb="24" eb="26">
      <t>ブンショウ</t>
    </rPh>
    <rPh sb="27" eb="29">
      <t>シリョウ</t>
    </rPh>
    <rPh sb="30" eb="31">
      <t>ヨ</t>
    </rPh>
    <rPh sb="32" eb="33">
      <t>ト</t>
    </rPh>
    <rPh sb="34" eb="36">
      <t>ノウリョク</t>
    </rPh>
    <rPh sb="37" eb="40">
      <t>ロンリテキ</t>
    </rPh>
    <rPh sb="41" eb="43">
      <t>ブンショウ</t>
    </rPh>
    <rPh sb="43" eb="45">
      <t>コウセイ</t>
    </rPh>
    <rPh sb="45" eb="46">
      <t>リョク</t>
    </rPh>
    <rPh sb="47" eb="49">
      <t>コウトウ</t>
    </rPh>
    <rPh sb="49" eb="51">
      <t>ガッコウ</t>
    </rPh>
    <rPh sb="54" eb="56">
      <t>ガクシュウ</t>
    </rPh>
    <rPh sb="56" eb="58">
      <t>ナイヨウ</t>
    </rPh>
    <rPh sb="62" eb="65">
      <t>キソテキ</t>
    </rPh>
    <rPh sb="66" eb="68">
      <t>キホン</t>
    </rPh>
    <rPh sb="68" eb="69">
      <t>テキ</t>
    </rPh>
    <rPh sb="69" eb="71">
      <t>ジコウ</t>
    </rPh>
    <rPh sb="72" eb="74">
      <t>テイチャク</t>
    </rPh>
    <rPh sb="80" eb="82">
      <t>ドクジ</t>
    </rPh>
    <rPh sb="82" eb="84">
      <t>シケン</t>
    </rPh>
    <rPh sb="86" eb="87">
      <t>ハカ</t>
    </rPh>
    <phoneticPr fontId="1"/>
  </si>
  <si>
    <t>新潟リハビリテーション</t>
    <rPh sb="0" eb="2">
      <t>ニイガタ</t>
    </rPh>
    <phoneticPr fontId="1"/>
  </si>
  <si>
    <t>医療</t>
    <rPh sb="0" eb="2">
      <t>イリョウ</t>
    </rPh>
    <phoneticPr fontId="1"/>
  </si>
  <si>
    <t>新潟リハビリテーション</t>
  </si>
  <si>
    <t>医療</t>
  </si>
  <si>
    <t>リハビリテーション</t>
  </si>
  <si>
    <t>記述式総合問題</t>
    <rPh sb="0" eb="2">
      <t>キジュツ</t>
    </rPh>
    <rPh sb="2" eb="3">
      <t>シキ</t>
    </rPh>
    <rPh sb="3" eb="5">
      <t>ソウゴウ</t>
    </rPh>
    <rPh sb="5" eb="7">
      <t>モンダイ</t>
    </rPh>
    <phoneticPr fontId="1"/>
  </si>
  <si>
    <t>特定の教科・科目に限定されない資料やグラフを読み解き、内容を的確に把握した上で、論理的に考えをまとめて記述することができるかを「思考力・判断力・表現力」を基に評価する問題を出題する</t>
    <rPh sb="0" eb="2">
      <t>トクテイ</t>
    </rPh>
    <rPh sb="3" eb="5">
      <t>キョウカ</t>
    </rPh>
    <rPh sb="6" eb="8">
      <t>カモク</t>
    </rPh>
    <rPh sb="9" eb="11">
      <t>ゲンテイ</t>
    </rPh>
    <rPh sb="15" eb="17">
      <t>シリョウ</t>
    </rPh>
    <rPh sb="22" eb="23">
      <t>ヨ</t>
    </rPh>
    <rPh sb="24" eb="25">
      <t>ト</t>
    </rPh>
    <rPh sb="27" eb="29">
      <t>ナイヨウ</t>
    </rPh>
    <rPh sb="30" eb="32">
      <t>テキカク</t>
    </rPh>
    <rPh sb="33" eb="35">
      <t>ハアク</t>
    </rPh>
    <rPh sb="37" eb="38">
      <t>ウエ</t>
    </rPh>
    <rPh sb="40" eb="43">
      <t>ロンリテキ</t>
    </rPh>
    <rPh sb="44" eb="45">
      <t>カンガ</t>
    </rPh>
    <rPh sb="51" eb="53">
      <t>キジュツ</t>
    </rPh>
    <rPh sb="64" eb="67">
      <t>シコウリョク</t>
    </rPh>
    <rPh sb="68" eb="71">
      <t>ハンダンリョク</t>
    </rPh>
    <rPh sb="72" eb="75">
      <t>ヒョウゲンリョク</t>
    </rPh>
    <rPh sb="77" eb="78">
      <t>モト</t>
    </rPh>
    <rPh sb="79" eb="81">
      <t>ヒョウカ</t>
    </rPh>
    <rPh sb="83" eb="85">
      <t>モンダイ</t>
    </rPh>
    <rPh sb="86" eb="88">
      <t>シュツダイ</t>
    </rPh>
    <phoneticPr fontId="1"/>
  </si>
  <si>
    <t>松本歯科</t>
    <rPh sb="0" eb="2">
      <t>マツモト</t>
    </rPh>
    <rPh sb="2" eb="4">
      <t>シカ</t>
    </rPh>
    <phoneticPr fontId="1"/>
  </si>
  <si>
    <t>松本歯科</t>
  </si>
  <si>
    <t>朝日</t>
    <rPh sb="0" eb="2">
      <t>アサヒ</t>
    </rPh>
    <phoneticPr fontId="1"/>
  </si>
  <si>
    <t>法、経営、保健医療</t>
    <rPh sb="0" eb="1">
      <t>ホウ</t>
    </rPh>
    <rPh sb="2" eb="4">
      <t>ケイエイ</t>
    </rPh>
    <rPh sb="5" eb="9">
      <t>ホケンイリョウ</t>
    </rPh>
    <phoneticPr fontId="1"/>
  </si>
  <si>
    <t>朝日</t>
  </si>
  <si>
    <t>法、経営、保健医療</t>
  </si>
  <si>
    <t>各学部学科の学びに関するテーマ</t>
    <rPh sb="0" eb="1">
      <t>カク</t>
    </rPh>
    <rPh sb="1" eb="3">
      <t>ガクブ</t>
    </rPh>
    <rPh sb="3" eb="5">
      <t>ガッカ</t>
    </rPh>
    <rPh sb="6" eb="7">
      <t>マナ</t>
    </rPh>
    <rPh sb="9" eb="10">
      <t>カン</t>
    </rPh>
    <phoneticPr fontId="1"/>
  </si>
  <si>
    <t>文章や資料の内容を理解し、設問に対して自分の考えを論理的にまとめる力を問う内容を出題</t>
    <rPh sb="0" eb="2">
      <t>ブンショウ</t>
    </rPh>
    <rPh sb="3" eb="5">
      <t>シリョウ</t>
    </rPh>
    <rPh sb="6" eb="8">
      <t>ナイヨウ</t>
    </rPh>
    <rPh sb="9" eb="11">
      <t>リカイ</t>
    </rPh>
    <rPh sb="13" eb="15">
      <t>セツモン</t>
    </rPh>
    <rPh sb="16" eb="17">
      <t>タイ</t>
    </rPh>
    <rPh sb="19" eb="21">
      <t>ジブン</t>
    </rPh>
    <rPh sb="22" eb="23">
      <t>カンガ</t>
    </rPh>
    <rPh sb="25" eb="28">
      <t>ロンリテキ</t>
    </rPh>
    <rPh sb="33" eb="34">
      <t>チカラ</t>
    </rPh>
    <rPh sb="35" eb="36">
      <t>ト</t>
    </rPh>
    <rPh sb="37" eb="39">
      <t>ナイヨウ</t>
    </rPh>
    <rPh sb="40" eb="42">
      <t>シュツダイ</t>
    </rPh>
    <phoneticPr fontId="1"/>
  </si>
  <si>
    <t>中部学院</t>
    <rPh sb="0" eb="2">
      <t>チュウブ</t>
    </rPh>
    <rPh sb="2" eb="4">
      <t>ガクイン</t>
    </rPh>
    <phoneticPr fontId="1"/>
  </si>
  <si>
    <t>全学部</t>
    <rPh sb="0" eb="3">
      <t>ゼ</t>
    </rPh>
    <phoneticPr fontId="1"/>
  </si>
  <si>
    <t>中部学院</t>
  </si>
  <si>
    <t>３月入試（Ｂ方式）</t>
    <rPh sb="1" eb="2">
      <t>ガツ</t>
    </rPh>
    <rPh sb="2" eb="4">
      <t>ニュウシ</t>
    </rPh>
    <rPh sb="6" eb="8">
      <t>ホウシキ</t>
    </rPh>
    <phoneticPr fontId="1"/>
  </si>
  <si>
    <t>愛知文教</t>
    <rPh sb="0" eb="2">
      <t>アイチ</t>
    </rPh>
    <rPh sb="2" eb="4">
      <t>ブンキョウ</t>
    </rPh>
    <phoneticPr fontId="1"/>
  </si>
  <si>
    <t>人文</t>
    <rPh sb="0" eb="2">
      <t>ジンブン</t>
    </rPh>
    <phoneticPr fontId="1"/>
  </si>
  <si>
    <t>愛知文教</t>
  </si>
  <si>
    <t>一般中期</t>
    <rPh sb="0" eb="2">
      <t>イッパン</t>
    </rPh>
    <rPh sb="2" eb="3">
      <t>チュウ</t>
    </rPh>
    <rPh sb="3" eb="4">
      <t>キ</t>
    </rPh>
    <phoneticPr fontId="1"/>
  </si>
  <si>
    <t>同朋</t>
    <rPh sb="0" eb="2">
      <t>ドウホウ</t>
    </rPh>
    <phoneticPr fontId="1"/>
  </si>
  <si>
    <t>同朋</t>
  </si>
  <si>
    <t>一般１期Ｃ方式</t>
    <rPh sb="0" eb="2">
      <t>イッパン</t>
    </rPh>
    <rPh sb="3" eb="4">
      <t>キ</t>
    </rPh>
    <rPh sb="5" eb="7">
      <t>ホウシキ</t>
    </rPh>
    <phoneticPr fontId="1"/>
  </si>
  <si>
    <t>小論文形式。文章やグラフ・図・資料等を読み解き、自らの考えを論述する問題。「思考力・判断力・表現力」を総合評価する</t>
    <rPh sb="0" eb="3">
      <t>ショウロンブン</t>
    </rPh>
    <rPh sb="3" eb="5">
      <t>ケイシキ</t>
    </rPh>
    <rPh sb="6" eb="8">
      <t>ブンショウ</t>
    </rPh>
    <rPh sb="13" eb="14">
      <t>ズ</t>
    </rPh>
    <rPh sb="15" eb="17">
      <t>シリョウ</t>
    </rPh>
    <rPh sb="17" eb="18">
      <t>ナド</t>
    </rPh>
    <rPh sb="19" eb="20">
      <t>ヨ</t>
    </rPh>
    <rPh sb="21" eb="22">
      <t>ト</t>
    </rPh>
    <rPh sb="24" eb="25">
      <t>ミズカ</t>
    </rPh>
    <rPh sb="27" eb="28">
      <t>カンガ</t>
    </rPh>
    <rPh sb="30" eb="32">
      <t>ロンジュツ</t>
    </rPh>
    <rPh sb="34" eb="36">
      <t>モンダイ</t>
    </rPh>
    <rPh sb="38" eb="41">
      <t>シコウリョク</t>
    </rPh>
    <rPh sb="42" eb="44">
      <t>ハンダン</t>
    </rPh>
    <rPh sb="44" eb="45">
      <t>リョク</t>
    </rPh>
    <rPh sb="46" eb="48">
      <t>ヒョウゲン</t>
    </rPh>
    <rPh sb="48" eb="49">
      <t>リョク</t>
    </rPh>
    <rPh sb="51" eb="53">
      <t>ソウゴウ</t>
    </rPh>
    <rPh sb="53" eb="55">
      <t>ヒョウカ</t>
    </rPh>
    <phoneticPr fontId="1"/>
  </si>
  <si>
    <t>名古屋音楽</t>
    <rPh sb="0" eb="3">
      <t>ナゴヤ</t>
    </rPh>
    <rPh sb="3" eb="5">
      <t>オンガク</t>
    </rPh>
    <phoneticPr fontId="1"/>
  </si>
  <si>
    <t>名古屋音楽</t>
  </si>
  <si>
    <t>音楽ビジネス</t>
  </si>
  <si>
    <t>名古屋芸術</t>
    <rPh sb="0" eb="3">
      <t>ナゴヤ</t>
    </rPh>
    <rPh sb="3" eb="5">
      <t>ゲイジュツ</t>
    </rPh>
    <phoneticPr fontId="1"/>
  </si>
  <si>
    <t>名古屋芸術</t>
  </si>
  <si>
    <t>音楽（Ⅱ類、Ⅳ類）</t>
  </si>
  <si>
    <t>名古屋国際工科専門職</t>
    <rPh sb="0" eb="3">
      <t>ナゴヤ</t>
    </rPh>
    <rPh sb="3" eb="5">
      <t>コクサイ</t>
    </rPh>
    <rPh sb="5" eb="7">
      <t>コウカ</t>
    </rPh>
    <rPh sb="7" eb="9">
      <t>センモン</t>
    </rPh>
    <rPh sb="9" eb="10">
      <t>ショク</t>
    </rPh>
    <phoneticPr fontId="1"/>
  </si>
  <si>
    <t>名古屋国際工科専門職</t>
  </si>
  <si>
    <t>400～600字</t>
  </si>
  <si>
    <t>入試要項記載の大学メッセージを読み、あなたがイメージする未来において、どのような社会変革や社会貢献を目指し、活躍していきたいかを書く</t>
  </si>
  <si>
    <t>名古屋産業</t>
    <rPh sb="0" eb="5">
      <t>ナゴヤサンギョウ</t>
    </rPh>
    <phoneticPr fontId="1"/>
  </si>
  <si>
    <t>現代ビジネス</t>
    <rPh sb="0" eb="2">
      <t>ゲンダイ</t>
    </rPh>
    <phoneticPr fontId="1"/>
  </si>
  <si>
    <t>名古屋産業</t>
  </si>
  <si>
    <t>現代ビジネス</t>
  </si>
  <si>
    <t>一般後期（２教科型）</t>
    <rPh sb="0" eb="4">
      <t>イッパンコウキ</t>
    </rPh>
    <rPh sb="6" eb="8">
      <t>キョウカ</t>
    </rPh>
    <rPh sb="8" eb="9">
      <t>ガタ</t>
    </rPh>
    <phoneticPr fontId="1"/>
  </si>
  <si>
    <t>グラフ・文献等を読み解き、論理的に考えをまとめる</t>
    <rPh sb="4" eb="6">
      <t>ブンケン</t>
    </rPh>
    <rPh sb="6" eb="7">
      <t>ナド</t>
    </rPh>
    <rPh sb="8" eb="9">
      <t>ヨ</t>
    </rPh>
    <rPh sb="10" eb="11">
      <t>ト</t>
    </rPh>
    <rPh sb="13" eb="16">
      <t>ロンリテキ</t>
    </rPh>
    <rPh sb="17" eb="18">
      <t>カンガ</t>
    </rPh>
    <phoneticPr fontId="1"/>
  </si>
  <si>
    <t>名古屋造形</t>
    <rPh sb="0" eb="3">
      <t>ナゴヤ</t>
    </rPh>
    <rPh sb="3" eb="5">
      <t>ゾウケイ</t>
    </rPh>
    <phoneticPr fontId="1"/>
  </si>
  <si>
    <t>造形</t>
    <rPh sb="0" eb="2">
      <t>ゾウケイ</t>
    </rPh>
    <phoneticPr fontId="1"/>
  </si>
  <si>
    <t>名古屋造形</t>
  </si>
  <si>
    <t>造形</t>
  </si>
  <si>
    <t>一般後期（学科型）</t>
    <rPh sb="0" eb="2">
      <t>イッパン</t>
    </rPh>
    <rPh sb="2" eb="4">
      <t>コウキ</t>
    </rPh>
    <rPh sb="5" eb="7">
      <t>ガッカ</t>
    </rPh>
    <rPh sb="7" eb="8">
      <t>ガタ</t>
    </rPh>
    <phoneticPr fontId="1"/>
  </si>
  <si>
    <t>文章やグラフ・図・資料等を読み解き、自らの考えを論述する問題。「思考力・判断力・表現力」を総合評価する</t>
    <rPh sb="0" eb="2">
      <t>ブンショウ</t>
    </rPh>
    <rPh sb="7" eb="8">
      <t>ズ</t>
    </rPh>
    <rPh sb="9" eb="11">
      <t>シリョウ</t>
    </rPh>
    <rPh sb="11" eb="12">
      <t>ナド</t>
    </rPh>
    <rPh sb="13" eb="14">
      <t>ヨ</t>
    </rPh>
    <rPh sb="15" eb="16">
      <t>ト</t>
    </rPh>
    <rPh sb="18" eb="19">
      <t>ミズカ</t>
    </rPh>
    <rPh sb="21" eb="22">
      <t>カンガ</t>
    </rPh>
    <rPh sb="24" eb="26">
      <t>ロンジュツ</t>
    </rPh>
    <rPh sb="28" eb="30">
      <t>モンダイ</t>
    </rPh>
    <rPh sb="32" eb="35">
      <t>シコウリョク</t>
    </rPh>
    <rPh sb="36" eb="38">
      <t>ハンダン</t>
    </rPh>
    <rPh sb="38" eb="39">
      <t>リョク</t>
    </rPh>
    <rPh sb="40" eb="42">
      <t>ヒョウゲン</t>
    </rPh>
    <rPh sb="42" eb="43">
      <t>リョク</t>
    </rPh>
    <rPh sb="45" eb="47">
      <t>ソウゴウ</t>
    </rPh>
    <rPh sb="47" eb="49">
      <t>ヒョウカ</t>
    </rPh>
    <phoneticPr fontId="1"/>
  </si>
  <si>
    <t>人間環境</t>
    <rPh sb="0" eb="4">
      <t>ニンゲンカンキョウ</t>
    </rPh>
    <phoneticPr fontId="1"/>
  </si>
  <si>
    <t>人間環境</t>
  </si>
  <si>
    <t>一般Ⅳ期</t>
    <rPh sb="0" eb="2">
      <t>イッパン</t>
    </rPh>
    <rPh sb="3" eb="4">
      <t>キ</t>
    </rPh>
    <phoneticPr fontId="1"/>
  </si>
  <si>
    <t>鈴鹿</t>
    <rPh sb="0" eb="2">
      <t>スズカ</t>
    </rPh>
    <phoneticPr fontId="1"/>
  </si>
  <si>
    <t>鈴鹿</t>
  </si>
  <si>
    <t>「文章読解型」または「グラフ資料分析型」</t>
    <rPh sb="1" eb="3">
      <t>ブンショウ</t>
    </rPh>
    <rPh sb="3" eb="5">
      <t>ドッカイ</t>
    </rPh>
    <rPh sb="5" eb="6">
      <t>ガタ</t>
    </rPh>
    <rPh sb="14" eb="16">
      <t>シリョウ</t>
    </rPh>
    <rPh sb="16" eb="18">
      <t>ブンセキ</t>
    </rPh>
    <rPh sb="18" eb="19">
      <t>ガタ</t>
    </rPh>
    <phoneticPr fontId="1"/>
  </si>
  <si>
    <t>長浜バイオ</t>
    <rPh sb="0" eb="2">
      <t>ナガハマ</t>
    </rPh>
    <phoneticPr fontId="1"/>
  </si>
  <si>
    <t>バイオサイエンス</t>
  </si>
  <si>
    <t>長浜バイオ</t>
  </si>
  <si>
    <t>一般後期、共通テスト併用型後期</t>
    <rPh sb="0" eb="4">
      <t>イッパンコウキ</t>
    </rPh>
    <rPh sb="5" eb="7">
      <t>キョウツウ</t>
    </rPh>
    <rPh sb="10" eb="12">
      <t>ヘイヨウ</t>
    </rPh>
    <rPh sb="12" eb="13">
      <t>ガタ</t>
    </rPh>
    <rPh sb="13" eb="15">
      <t>コウキ</t>
    </rPh>
    <phoneticPr fontId="1"/>
  </si>
  <si>
    <t>文章やグラフ、図等を読解し、論理的に考えをまとめる</t>
    <rPh sb="0" eb="2">
      <t>ブンショウ</t>
    </rPh>
    <rPh sb="7" eb="8">
      <t>ズ</t>
    </rPh>
    <rPh sb="8" eb="9">
      <t>ナド</t>
    </rPh>
    <rPh sb="10" eb="12">
      <t>ドッカイ</t>
    </rPh>
    <rPh sb="14" eb="17">
      <t>ロンリテキ</t>
    </rPh>
    <rPh sb="18" eb="19">
      <t>カンガ</t>
    </rPh>
    <phoneticPr fontId="1"/>
  </si>
  <si>
    <t>京都芸術</t>
    <rPh sb="2" eb="4">
      <t>ゲイジュツ</t>
    </rPh>
    <phoneticPr fontId="1"/>
  </si>
  <si>
    <t>京都芸術</t>
  </si>
  <si>
    <t>問題文は芸術・人文・社会・自然等の分野から、評論文、論説文、エッセイ等を題材とする</t>
    <rPh sb="0" eb="2">
      <t>モンダイ</t>
    </rPh>
    <rPh sb="2" eb="3">
      <t>ブン</t>
    </rPh>
    <rPh sb="4" eb="6">
      <t>ゲイジュツ</t>
    </rPh>
    <rPh sb="7" eb="9">
      <t>ジンブン</t>
    </rPh>
    <rPh sb="10" eb="12">
      <t>シャカイ</t>
    </rPh>
    <rPh sb="13" eb="15">
      <t>シゼン</t>
    </rPh>
    <rPh sb="15" eb="16">
      <t>ナド</t>
    </rPh>
    <rPh sb="17" eb="19">
      <t>ブンヤ</t>
    </rPh>
    <rPh sb="22" eb="24">
      <t>ヒョウロン</t>
    </rPh>
    <rPh sb="24" eb="25">
      <t>ブン</t>
    </rPh>
    <rPh sb="26" eb="29">
      <t>ロンセツブン</t>
    </rPh>
    <rPh sb="34" eb="35">
      <t>ナド</t>
    </rPh>
    <rPh sb="36" eb="38">
      <t>ダイザイ</t>
    </rPh>
    <phoneticPr fontId="1"/>
  </si>
  <si>
    <t>京都精華</t>
    <rPh sb="0" eb="2">
      <t>キョウト</t>
    </rPh>
    <rPh sb="2" eb="4">
      <t>セイカ</t>
    </rPh>
    <phoneticPr fontId="1"/>
  </si>
  <si>
    <t>京都精華</t>
  </si>
  <si>
    <t>一般２期</t>
    <rPh sb="0" eb="2">
      <t>イッパン</t>
    </rPh>
    <rPh sb="3" eb="4">
      <t>キ</t>
    </rPh>
    <phoneticPr fontId="1"/>
  </si>
  <si>
    <t>明治国際医療</t>
    <rPh sb="0" eb="2">
      <t>メイジ</t>
    </rPh>
    <rPh sb="2" eb="4">
      <t>コクサイ</t>
    </rPh>
    <rPh sb="4" eb="6">
      <t>イリョウ</t>
    </rPh>
    <phoneticPr fontId="1"/>
  </si>
  <si>
    <t>明治国際医療</t>
  </si>
  <si>
    <t>藍野</t>
    <rPh sb="0" eb="2">
      <t>アイノ</t>
    </rPh>
    <phoneticPr fontId="1"/>
  </si>
  <si>
    <t>藍野</t>
  </si>
  <si>
    <t>後期小論文</t>
    <rPh sb="0" eb="2">
      <t>コウキ</t>
    </rPh>
    <rPh sb="2" eb="5">
      <t>ショウロンブン</t>
    </rPh>
    <phoneticPr fontId="1"/>
  </si>
  <si>
    <t>和泉</t>
    <rPh sb="0" eb="2">
      <t>イズミ</t>
    </rPh>
    <phoneticPr fontId="1"/>
  </si>
  <si>
    <t>和泉</t>
  </si>
  <si>
    <t>一般後期</t>
    <rPh sb="0" eb="2">
      <t>イッパン</t>
    </rPh>
    <rPh sb="2" eb="4">
      <t>コウキ</t>
    </rPh>
    <phoneticPr fontId="1"/>
  </si>
  <si>
    <t>論文総合</t>
    <rPh sb="0" eb="2">
      <t>ロンブン</t>
    </rPh>
    <rPh sb="2" eb="4">
      <t>ソウゴウ</t>
    </rPh>
    <phoneticPr fontId="1"/>
  </si>
  <si>
    <t>601～800字</t>
    <rPh sb="7" eb="8">
      <t>ジ</t>
    </rPh>
    <phoneticPr fontId="1"/>
  </si>
  <si>
    <t>特定の教科・科目に限定しない医療、福祉、生命、生きがい等において、図や表、グラフや文章等を読み解き、自らの考えをまとめる小論文形式</t>
    <rPh sb="0" eb="2">
      <t>トクテイ</t>
    </rPh>
    <rPh sb="3" eb="5">
      <t>キョウカ</t>
    </rPh>
    <rPh sb="6" eb="8">
      <t>カモク</t>
    </rPh>
    <rPh sb="9" eb="11">
      <t>ゲンテイ</t>
    </rPh>
    <rPh sb="14" eb="16">
      <t>イリョウ</t>
    </rPh>
    <rPh sb="17" eb="19">
      <t>フクシ</t>
    </rPh>
    <rPh sb="20" eb="22">
      <t>セイメイ</t>
    </rPh>
    <rPh sb="23" eb="24">
      <t>イ</t>
    </rPh>
    <rPh sb="27" eb="28">
      <t>ナド</t>
    </rPh>
    <rPh sb="33" eb="34">
      <t>ズ</t>
    </rPh>
    <rPh sb="35" eb="36">
      <t>ヒョウ</t>
    </rPh>
    <rPh sb="41" eb="44">
      <t>ブンショウナド</t>
    </rPh>
    <rPh sb="45" eb="46">
      <t>ヨ</t>
    </rPh>
    <rPh sb="47" eb="48">
      <t>ト</t>
    </rPh>
    <rPh sb="50" eb="51">
      <t>ミズカ</t>
    </rPh>
    <rPh sb="53" eb="54">
      <t>カンガ</t>
    </rPh>
    <rPh sb="60" eb="63">
      <t>ショウロンブン</t>
    </rPh>
    <rPh sb="63" eb="65">
      <t>ケイシキ</t>
    </rPh>
    <phoneticPr fontId="1"/>
  </si>
  <si>
    <t>大阪大谷</t>
    <rPh sb="0" eb="4">
      <t>オオサカオオタニ</t>
    </rPh>
    <phoneticPr fontId="1"/>
  </si>
  <si>
    <t>教育、薬</t>
    <rPh sb="3" eb="4">
      <t>ヤク</t>
    </rPh>
    <phoneticPr fontId="1"/>
  </si>
  <si>
    <t>大阪大谷</t>
  </si>
  <si>
    <t>教育、薬</t>
  </si>
  <si>
    <t>表やグラフ等の数的な要素を含んだ問題文や文献、記事等の資料を読み解き、自分の考えを記述</t>
    <rPh sb="0" eb="1">
      <t>ヒョウ</t>
    </rPh>
    <rPh sb="5" eb="6">
      <t>ナド</t>
    </rPh>
    <rPh sb="7" eb="9">
      <t>スウテキ</t>
    </rPh>
    <rPh sb="10" eb="12">
      <t>ヨウソ</t>
    </rPh>
    <rPh sb="13" eb="14">
      <t>フク</t>
    </rPh>
    <rPh sb="16" eb="19">
      <t>モンダイブン</t>
    </rPh>
    <rPh sb="20" eb="22">
      <t>ブンケン</t>
    </rPh>
    <rPh sb="23" eb="25">
      <t>キジ</t>
    </rPh>
    <rPh sb="25" eb="26">
      <t>ナド</t>
    </rPh>
    <rPh sb="27" eb="29">
      <t>シリョウ</t>
    </rPh>
    <rPh sb="30" eb="31">
      <t>ヨ</t>
    </rPh>
    <rPh sb="32" eb="33">
      <t>ト</t>
    </rPh>
    <rPh sb="35" eb="37">
      <t>ジブン</t>
    </rPh>
    <rPh sb="38" eb="39">
      <t>カンガ</t>
    </rPh>
    <rPh sb="41" eb="43">
      <t>キジュツ</t>
    </rPh>
    <phoneticPr fontId="1"/>
  </si>
  <si>
    <t>大阪学院</t>
    <rPh sb="0" eb="4">
      <t>オオサカガクイン</t>
    </rPh>
    <phoneticPr fontId="1"/>
  </si>
  <si>
    <t>大阪学院</t>
  </si>
  <si>
    <t>一般（後期総合評価型）</t>
    <rPh sb="0" eb="2">
      <t>イッパン</t>
    </rPh>
    <rPh sb="3" eb="5">
      <t>コウキ</t>
    </rPh>
    <rPh sb="5" eb="9">
      <t>ソウゴウヒョウカ</t>
    </rPh>
    <rPh sb="9" eb="10">
      <t>ガタ</t>
    </rPh>
    <phoneticPr fontId="1"/>
  </si>
  <si>
    <t>大阪観光</t>
    <rPh sb="0" eb="4">
      <t>オオサカカンコウ</t>
    </rPh>
    <phoneticPr fontId="1"/>
  </si>
  <si>
    <t>観光</t>
    <rPh sb="0" eb="2">
      <t>カンコウ</t>
    </rPh>
    <phoneticPr fontId="1"/>
  </si>
  <si>
    <t>大阪観光</t>
  </si>
  <si>
    <t>観光</t>
  </si>
  <si>
    <t>大阪経済法科</t>
    <rPh sb="0" eb="6">
      <t>オオサカケイザイホウカ</t>
    </rPh>
    <phoneticPr fontId="1"/>
  </si>
  <si>
    <t>大阪経済法科</t>
  </si>
  <si>
    <t>中期小論文試験</t>
    <rPh sb="0" eb="2">
      <t>チュウキ</t>
    </rPh>
    <rPh sb="2" eb="5">
      <t>ショウロンブン</t>
    </rPh>
    <rPh sb="5" eb="7">
      <t>シケン</t>
    </rPh>
    <phoneticPr fontId="1"/>
  </si>
  <si>
    <t>大阪芸術</t>
  </si>
  <si>
    <t>アートサイエンス</t>
  </si>
  <si>
    <t>専門試験、共テ＋専門</t>
    <rPh sb="5" eb="6">
      <t>トモ</t>
    </rPh>
    <rPh sb="8" eb="10">
      <t>センモン</t>
    </rPh>
    <phoneticPr fontId="1"/>
  </si>
  <si>
    <t>200～400字</t>
    <rPh sb="7" eb="8">
      <t>ジ</t>
    </rPh>
    <phoneticPr fontId="1"/>
  </si>
  <si>
    <t>未来の世界について想像を膨らませ、そのイメージを説明する能力を問う</t>
    <rPh sb="0" eb="2">
      <t>ミライ</t>
    </rPh>
    <rPh sb="3" eb="5">
      <t>セカイ</t>
    </rPh>
    <rPh sb="9" eb="11">
      <t>ソウゾウ</t>
    </rPh>
    <rPh sb="12" eb="13">
      <t>フク</t>
    </rPh>
    <rPh sb="24" eb="26">
      <t>セツメイ</t>
    </rPh>
    <rPh sb="28" eb="30">
      <t>ノウリョク</t>
    </rPh>
    <rPh sb="31" eb="32">
      <t>ト</t>
    </rPh>
    <phoneticPr fontId="1"/>
  </si>
  <si>
    <t>写真</t>
  </si>
  <si>
    <t>提示された写真作品について、その感想を記述する</t>
    <rPh sb="0" eb="2">
      <t>テイジ</t>
    </rPh>
    <rPh sb="5" eb="7">
      <t>シャシン</t>
    </rPh>
    <rPh sb="7" eb="9">
      <t>サクヒン</t>
    </rPh>
    <rPh sb="16" eb="18">
      <t>カンソウ</t>
    </rPh>
    <rPh sb="19" eb="21">
      <t>キジュツ</t>
    </rPh>
    <phoneticPr fontId="1"/>
  </si>
  <si>
    <t>映像</t>
  </si>
  <si>
    <t>映像・映画についての自己思考と感覚を具体的に問う</t>
    <rPh sb="0" eb="2">
      <t>エイゾウ</t>
    </rPh>
    <rPh sb="3" eb="5">
      <t>エイガ</t>
    </rPh>
    <rPh sb="10" eb="12">
      <t>ジコ</t>
    </rPh>
    <rPh sb="12" eb="14">
      <t>シコウ</t>
    </rPh>
    <rPh sb="15" eb="17">
      <t>カンカク</t>
    </rPh>
    <rPh sb="18" eb="21">
      <t>グタイテキ</t>
    </rPh>
    <rPh sb="22" eb="23">
      <t>ト</t>
    </rPh>
    <phoneticPr fontId="1"/>
  </si>
  <si>
    <t>キャラクター造形</t>
  </si>
  <si>
    <t>オリジナルキャラクターによる表現（文章のみによるキャラクター描写）</t>
    <rPh sb="14" eb="16">
      <t>ヒョウゲン</t>
    </rPh>
    <rPh sb="17" eb="19">
      <t>ブンショウ</t>
    </rPh>
    <rPh sb="30" eb="32">
      <t>ビョウシャ</t>
    </rPh>
    <phoneticPr fontId="1"/>
  </si>
  <si>
    <t>芸術計画</t>
  </si>
  <si>
    <t>専門試験、共テ＋専門</t>
  </si>
  <si>
    <t>様々な領域におけるプロデュース力を育むために必要な、状況の的確な分析に裏打ちされた発想力と物事を速やかに構築しチームで進めてゆく実践力の資質を備えているかを問う</t>
    <rPh sb="0" eb="2">
      <t>サマザマ</t>
    </rPh>
    <rPh sb="3" eb="5">
      <t>リョウイキ</t>
    </rPh>
    <rPh sb="15" eb="16">
      <t>リョク</t>
    </rPh>
    <rPh sb="17" eb="18">
      <t>ハグク</t>
    </rPh>
    <rPh sb="22" eb="24">
      <t>ヒツヨウ</t>
    </rPh>
    <rPh sb="26" eb="28">
      <t>ジョウキョウ</t>
    </rPh>
    <rPh sb="29" eb="31">
      <t>テキカク</t>
    </rPh>
    <rPh sb="32" eb="34">
      <t>ブンセキ</t>
    </rPh>
    <rPh sb="35" eb="37">
      <t>ウラウ</t>
    </rPh>
    <rPh sb="41" eb="44">
      <t>ハッソウリョク</t>
    </rPh>
    <rPh sb="45" eb="47">
      <t>モノゴト</t>
    </rPh>
    <rPh sb="48" eb="49">
      <t>スミ</t>
    </rPh>
    <rPh sb="52" eb="54">
      <t>コウチク</t>
    </rPh>
    <rPh sb="59" eb="60">
      <t>スス</t>
    </rPh>
    <rPh sb="64" eb="67">
      <t>ジッセンリョク</t>
    </rPh>
    <rPh sb="68" eb="70">
      <t>シシツ</t>
    </rPh>
    <rPh sb="71" eb="72">
      <t>ソナ</t>
    </rPh>
    <rPh sb="78" eb="79">
      <t>ト</t>
    </rPh>
    <phoneticPr fontId="1"/>
  </si>
  <si>
    <t>初等芸術教育</t>
  </si>
  <si>
    <t>次から１課題を選択
・教育、子育ての話題に関して論述する
・絵画や造形の作品を見て、その情景等について述べる
・音楽作品からのイメージ等を述べる
・詩歌や物語から文章を作成する</t>
    <rPh sb="0" eb="1">
      <t>ツギ</t>
    </rPh>
    <rPh sb="4" eb="6">
      <t>カダイ</t>
    </rPh>
    <rPh sb="7" eb="9">
      <t>センタク</t>
    </rPh>
    <rPh sb="11" eb="13">
      <t>キョウイク</t>
    </rPh>
    <rPh sb="14" eb="16">
      <t>コソダ</t>
    </rPh>
    <rPh sb="18" eb="20">
      <t>ワダイ</t>
    </rPh>
    <rPh sb="21" eb="22">
      <t>カン</t>
    </rPh>
    <rPh sb="24" eb="26">
      <t>ロンジュツ</t>
    </rPh>
    <rPh sb="30" eb="32">
      <t>カイガ</t>
    </rPh>
    <rPh sb="33" eb="35">
      <t>ゾウケイ</t>
    </rPh>
    <rPh sb="36" eb="38">
      <t>サクヒン</t>
    </rPh>
    <rPh sb="39" eb="40">
      <t>ミ</t>
    </rPh>
    <rPh sb="44" eb="46">
      <t>ジョウケイ</t>
    </rPh>
    <rPh sb="46" eb="47">
      <t>ナド</t>
    </rPh>
    <rPh sb="51" eb="52">
      <t>ノ</t>
    </rPh>
    <rPh sb="56" eb="58">
      <t>オンガク</t>
    </rPh>
    <rPh sb="58" eb="60">
      <t>サクヒン</t>
    </rPh>
    <rPh sb="67" eb="68">
      <t>ナド</t>
    </rPh>
    <rPh sb="69" eb="70">
      <t>ノ</t>
    </rPh>
    <rPh sb="74" eb="76">
      <t>シイカ</t>
    </rPh>
    <rPh sb="77" eb="79">
      <t>モノガタリ</t>
    </rPh>
    <rPh sb="81" eb="83">
      <t>ブンショウ</t>
    </rPh>
    <rPh sb="84" eb="86">
      <t>サクセイ</t>
    </rPh>
    <phoneticPr fontId="5"/>
  </si>
  <si>
    <t>大阪国際工科専門職</t>
    <rPh sb="0" eb="2">
      <t>オオサカ</t>
    </rPh>
    <rPh sb="2" eb="4">
      <t>コクサイ</t>
    </rPh>
    <rPh sb="4" eb="6">
      <t>コウカ</t>
    </rPh>
    <rPh sb="6" eb="9">
      <t>センモンショク</t>
    </rPh>
    <phoneticPr fontId="1"/>
  </si>
  <si>
    <t>大阪国際工科専門職</t>
  </si>
  <si>
    <t>入試要項記載の大学メッセージを読み、あなたがイメージする未来において、どのような社会変革や社会貢献を目指し、活躍していきたいかを書く</t>
    <rPh sb="0" eb="2">
      <t>ニュウシ</t>
    </rPh>
    <rPh sb="2" eb="4">
      <t>ヨウコウ</t>
    </rPh>
    <rPh sb="4" eb="6">
      <t>キサイ</t>
    </rPh>
    <rPh sb="7" eb="9">
      <t>ダイガク</t>
    </rPh>
    <rPh sb="15" eb="16">
      <t>ヨ</t>
    </rPh>
    <rPh sb="28" eb="30">
      <t>ミライ</t>
    </rPh>
    <rPh sb="40" eb="42">
      <t>シャカイ</t>
    </rPh>
    <rPh sb="42" eb="44">
      <t>ヘンカク</t>
    </rPh>
    <rPh sb="45" eb="49">
      <t>シャカイコウケン</t>
    </rPh>
    <rPh sb="50" eb="52">
      <t>メザ</t>
    </rPh>
    <rPh sb="54" eb="56">
      <t>カツヤク</t>
    </rPh>
    <rPh sb="64" eb="65">
      <t>カ</t>
    </rPh>
    <phoneticPr fontId="1"/>
  </si>
  <si>
    <t>大阪歯科</t>
    <rPh sb="0" eb="2">
      <t>オオサカ</t>
    </rPh>
    <rPh sb="2" eb="4">
      <t>シカ</t>
    </rPh>
    <phoneticPr fontId="1"/>
  </si>
  <si>
    <t>看護、医療保健</t>
    <rPh sb="0" eb="2">
      <t>カンゴ</t>
    </rPh>
    <phoneticPr fontId="1"/>
  </si>
  <si>
    <t>大阪歯科</t>
  </si>
  <si>
    <t>看護、医療保健</t>
  </si>
  <si>
    <t>大阪電気通信</t>
    <rPh sb="0" eb="2">
      <t>オオサカ</t>
    </rPh>
    <rPh sb="2" eb="4">
      <t>デンキ</t>
    </rPh>
    <rPh sb="4" eb="6">
      <t>ツウシン</t>
    </rPh>
    <phoneticPr fontId="1"/>
  </si>
  <si>
    <t>大阪電気通信</t>
  </si>
  <si>
    <t>一般中期</t>
    <rPh sb="0" eb="2">
      <t>イッパン</t>
    </rPh>
    <rPh sb="2" eb="4">
      <t>チュウキ</t>
    </rPh>
    <phoneticPr fontId="1"/>
  </si>
  <si>
    <t>社会課題を１つ取り上げ、官公庁公表の関連がある統計資料を考察し、自身の考えを論述する</t>
    <rPh sb="0" eb="2">
      <t>シャカイ</t>
    </rPh>
    <rPh sb="2" eb="4">
      <t>カダイ</t>
    </rPh>
    <rPh sb="7" eb="8">
      <t>ト</t>
    </rPh>
    <rPh sb="9" eb="10">
      <t>ア</t>
    </rPh>
    <rPh sb="12" eb="15">
      <t>カンコウチョウ</t>
    </rPh>
    <rPh sb="15" eb="17">
      <t>コウヒョウ</t>
    </rPh>
    <rPh sb="18" eb="20">
      <t>カンレン</t>
    </rPh>
    <rPh sb="23" eb="25">
      <t>トウケイ</t>
    </rPh>
    <rPh sb="25" eb="27">
      <t>シリョウ</t>
    </rPh>
    <rPh sb="28" eb="30">
      <t>コウサツ</t>
    </rPh>
    <rPh sb="32" eb="34">
      <t>ジシン</t>
    </rPh>
    <rPh sb="35" eb="36">
      <t>カンガ</t>
    </rPh>
    <rPh sb="38" eb="40">
      <t>ロンジュツ</t>
    </rPh>
    <phoneticPr fontId="1"/>
  </si>
  <si>
    <t>関西</t>
    <rPh sb="0" eb="2">
      <t>カンサイ</t>
    </rPh>
    <phoneticPr fontId="1"/>
  </si>
  <si>
    <t>法、経済</t>
    <rPh sb="0" eb="1">
      <t>ホウ</t>
    </rPh>
    <rPh sb="2" eb="4">
      <t>ケイザイ</t>
    </rPh>
    <phoneticPr fontId="1"/>
  </si>
  <si>
    <t>関西</t>
  </si>
  <si>
    <t>法、経済</t>
  </si>
  <si>
    <t>共通テスト併用２科目小論</t>
    <rPh sb="0" eb="2">
      <t>キョウツウ</t>
    </rPh>
    <rPh sb="5" eb="7">
      <t>ヘイヨウ</t>
    </rPh>
    <rPh sb="8" eb="10">
      <t>カモク</t>
    </rPh>
    <rPh sb="10" eb="12">
      <t>ショウロン</t>
    </rPh>
    <phoneticPr fontId="1"/>
  </si>
  <si>
    <t>800～900字</t>
    <rPh sb="7" eb="8">
      <t>ジ</t>
    </rPh>
    <phoneticPr fontId="1"/>
  </si>
  <si>
    <t>「公共」「政治・経済」に関するテーマを題材とする</t>
    <rPh sb="1" eb="3">
      <t>コウキョウ</t>
    </rPh>
    <rPh sb="5" eb="7">
      <t>セイジ</t>
    </rPh>
    <rPh sb="8" eb="10">
      <t>ケイザイ</t>
    </rPh>
    <rPh sb="12" eb="13">
      <t>カン</t>
    </rPh>
    <rPh sb="19" eb="21">
      <t>ダイザイ</t>
    </rPh>
    <phoneticPr fontId="1"/>
  </si>
  <si>
    <t>関西医療</t>
    <rPh sb="0" eb="2">
      <t>カンサイ</t>
    </rPh>
    <rPh sb="2" eb="4">
      <t>イリョウ</t>
    </rPh>
    <phoneticPr fontId="1"/>
  </si>
  <si>
    <t>全学部</t>
    <rPh sb="0" eb="2">
      <t>ゼンガク</t>
    </rPh>
    <rPh sb="2" eb="3">
      <t>ブ</t>
    </rPh>
    <phoneticPr fontId="1"/>
  </si>
  <si>
    <t>関西医療</t>
  </si>
  <si>
    <t>２科目型後期、１科目型、共通テスト併用方式後期</t>
    <rPh sb="1" eb="4">
      <t>カモクガタ</t>
    </rPh>
    <rPh sb="4" eb="6">
      <t>コウキ</t>
    </rPh>
    <rPh sb="8" eb="11">
      <t>カモクガタ</t>
    </rPh>
    <rPh sb="12" eb="14">
      <t>キョウツウ</t>
    </rPh>
    <rPh sb="17" eb="19">
      <t>ヘイヨウ</t>
    </rPh>
    <rPh sb="19" eb="21">
      <t>ホウシキ</t>
    </rPh>
    <rPh sb="21" eb="23">
      <t>コウキ</t>
    </rPh>
    <phoneticPr fontId="1"/>
  </si>
  <si>
    <t>特定の教科・科目に限定せず、図や表、グラフ、資料等を読み解き、内容を把握した上で、自らの考えをまとめさせる形式</t>
    <rPh sb="0" eb="2">
      <t>トクテイ</t>
    </rPh>
    <rPh sb="3" eb="5">
      <t>キョウカ</t>
    </rPh>
    <rPh sb="6" eb="8">
      <t>カモク</t>
    </rPh>
    <rPh sb="9" eb="11">
      <t>ゲンテイ</t>
    </rPh>
    <rPh sb="14" eb="15">
      <t>ズ</t>
    </rPh>
    <rPh sb="16" eb="17">
      <t>ヒョウ</t>
    </rPh>
    <rPh sb="22" eb="24">
      <t>シリョウ</t>
    </rPh>
    <rPh sb="24" eb="25">
      <t>ナド</t>
    </rPh>
    <rPh sb="26" eb="27">
      <t>ヨ</t>
    </rPh>
    <rPh sb="28" eb="29">
      <t>ト</t>
    </rPh>
    <rPh sb="31" eb="33">
      <t>ナイヨウ</t>
    </rPh>
    <rPh sb="34" eb="36">
      <t>ハアク</t>
    </rPh>
    <rPh sb="38" eb="39">
      <t>ウエ</t>
    </rPh>
    <rPh sb="41" eb="42">
      <t>ミズカ</t>
    </rPh>
    <rPh sb="44" eb="45">
      <t>カンガ</t>
    </rPh>
    <rPh sb="53" eb="55">
      <t>ケイシキ</t>
    </rPh>
    <phoneticPr fontId="1"/>
  </si>
  <si>
    <t>２科目型後期、１科目型、共通テスト併用方式後期</t>
    <rPh sb="1" eb="3">
      <t>カモク</t>
    </rPh>
    <rPh sb="3" eb="4">
      <t>ガタ</t>
    </rPh>
    <rPh sb="4" eb="6">
      <t>コウキ</t>
    </rPh>
    <rPh sb="12" eb="14">
      <t>キョウツウ</t>
    </rPh>
    <rPh sb="17" eb="19">
      <t>ヘイヨウ</t>
    </rPh>
    <rPh sb="19" eb="21">
      <t>ホウシキ</t>
    </rPh>
    <rPh sb="21" eb="23">
      <t>コウキ</t>
    </rPh>
    <phoneticPr fontId="1"/>
  </si>
  <si>
    <t>近畿</t>
  </si>
  <si>
    <t>文芸</t>
  </si>
  <si>
    <t>芸術－舞台芸術</t>
  </si>
  <si>
    <t>前期Ｂ日程</t>
    <rPh sb="0" eb="2">
      <t>ゼンキ</t>
    </rPh>
    <rPh sb="3" eb="5">
      <t>ニッテイ</t>
    </rPh>
    <phoneticPr fontId="1"/>
  </si>
  <si>
    <t>人間の営みにおける劇的（ドラマ的）要素を問うもので出題されたテーマについて記述する</t>
    <rPh sb="0" eb="2">
      <t>ニンゲン</t>
    </rPh>
    <rPh sb="3" eb="4">
      <t>イトナ</t>
    </rPh>
    <rPh sb="9" eb="11">
      <t>ゲキテキ</t>
    </rPh>
    <rPh sb="15" eb="16">
      <t>テキ</t>
    </rPh>
    <rPh sb="17" eb="19">
      <t>ヨウソ</t>
    </rPh>
    <rPh sb="20" eb="21">
      <t>ト</t>
    </rPh>
    <rPh sb="25" eb="27">
      <t>シュツダイ</t>
    </rPh>
    <rPh sb="37" eb="39">
      <t>キジュツ</t>
    </rPh>
    <phoneticPr fontId="1"/>
  </si>
  <si>
    <t>四天王寺</t>
    <rPh sb="0" eb="4">
      <t>シテンノウジ</t>
    </rPh>
    <phoneticPr fontId="1"/>
  </si>
  <si>
    <t>文、教育、社会、経営</t>
    <rPh sb="0" eb="1">
      <t>ブン</t>
    </rPh>
    <rPh sb="5" eb="7">
      <t>シャカイ</t>
    </rPh>
    <rPh sb="8" eb="10">
      <t>ケイエイ</t>
    </rPh>
    <phoneticPr fontId="1"/>
  </si>
  <si>
    <t>四天王寺</t>
  </si>
  <si>
    <t>文、教育、社会、経営</t>
  </si>
  <si>
    <t>全学科（国際コミュニケーションを除く）</t>
  </si>
  <si>
    <t>相愛</t>
    <rPh sb="0" eb="2">
      <t>ソウアイ</t>
    </rPh>
    <phoneticPr fontId="1"/>
  </si>
  <si>
    <t>相愛</t>
  </si>
  <si>
    <t>人文、人間発達</t>
    <rPh sb="0" eb="2">
      <t>ジンブン</t>
    </rPh>
    <rPh sb="3" eb="5">
      <t>ニンゲン</t>
    </rPh>
    <rPh sb="5" eb="7">
      <t>ハッタツ</t>
    </rPh>
    <phoneticPr fontId="1"/>
  </si>
  <si>
    <t>人文、人間発達</t>
  </si>
  <si>
    <t>一般Ｃ入試</t>
    <rPh sb="0" eb="2">
      <t>イッパン</t>
    </rPh>
    <rPh sb="3" eb="5">
      <t>ニュウシ</t>
    </rPh>
    <phoneticPr fontId="1"/>
  </si>
  <si>
    <t>太成学院</t>
    <rPh sb="0" eb="1">
      <t>フト</t>
    </rPh>
    <rPh sb="1" eb="2">
      <t>ナル</t>
    </rPh>
    <rPh sb="2" eb="4">
      <t>ガクイン</t>
    </rPh>
    <phoneticPr fontId="1"/>
  </si>
  <si>
    <t>太成学院</t>
  </si>
  <si>
    <t>一般Ａ日程前期、Ｃ日程後期</t>
    <rPh sb="0" eb="2">
      <t>イッパン</t>
    </rPh>
    <rPh sb="3" eb="5">
      <t>ニッテイ</t>
    </rPh>
    <rPh sb="5" eb="7">
      <t>ゼンキ</t>
    </rPh>
    <rPh sb="9" eb="11">
      <t>ニッテイ</t>
    </rPh>
    <rPh sb="11" eb="13">
      <t>コウキ</t>
    </rPh>
    <phoneticPr fontId="1"/>
  </si>
  <si>
    <t>宝塚</t>
    <rPh sb="0" eb="2">
      <t>タカラヅカ</t>
    </rPh>
    <phoneticPr fontId="1"/>
  </si>
  <si>
    <t>東京メディア芸術</t>
    <rPh sb="0" eb="2">
      <t>トウキョウ</t>
    </rPh>
    <rPh sb="6" eb="8">
      <t>ゲイジュツ</t>
    </rPh>
    <phoneticPr fontId="1"/>
  </si>
  <si>
    <t>宝塚</t>
  </si>
  <si>
    <t>東京メディア芸術</t>
  </si>
  <si>
    <t>メディア芸術</t>
  </si>
  <si>
    <t>羽衣国際</t>
    <rPh sb="0" eb="4">
      <t>ハゴロモコクサイ</t>
    </rPh>
    <phoneticPr fontId="1"/>
  </si>
  <si>
    <t>羽衣国際</t>
  </si>
  <si>
    <t>小論文型Ａ方式・Ｂ方式・Ｃ方式</t>
    <rPh sb="0" eb="4">
      <t>ショウロンブンガタ</t>
    </rPh>
    <rPh sb="5" eb="7">
      <t>ホウシキ</t>
    </rPh>
    <rPh sb="9" eb="11">
      <t>ホウシキ</t>
    </rPh>
    <rPh sb="13" eb="15">
      <t>ホウシキ</t>
    </rPh>
    <phoneticPr fontId="1"/>
  </si>
  <si>
    <t>東大阪</t>
    <rPh sb="0" eb="3">
      <t>ヒガシオオサカ</t>
    </rPh>
    <phoneticPr fontId="1"/>
  </si>
  <si>
    <t>こども</t>
  </si>
  <si>
    <t>東大阪</t>
  </si>
  <si>
    <t>大手前</t>
    <rPh sb="0" eb="3">
      <t>オオテマエ</t>
    </rPh>
    <phoneticPr fontId="1"/>
  </si>
  <si>
    <t>大手前</t>
  </si>
  <si>
    <t>一般ファイナルチャレンジ</t>
    <rPh sb="0" eb="2">
      <t>イッパン</t>
    </rPh>
    <phoneticPr fontId="1"/>
  </si>
  <si>
    <t>関西国際</t>
    <rPh sb="0" eb="4">
      <t>カンサイコクサイ</t>
    </rPh>
    <phoneticPr fontId="1"/>
  </si>
  <si>
    <t>教育、グローバル、経営、心理、情報</t>
    <rPh sb="0" eb="2">
      <t>キョウイク</t>
    </rPh>
    <rPh sb="9" eb="11">
      <t>ケイエイ</t>
    </rPh>
    <rPh sb="12" eb="14">
      <t>シンリ</t>
    </rPh>
    <rPh sb="15" eb="17">
      <t>ジョウホウ</t>
    </rPh>
    <phoneticPr fontId="1"/>
  </si>
  <si>
    <t>関西国際</t>
  </si>
  <si>
    <t>教育、グローバル、経営、心理、情報</t>
  </si>
  <si>
    <t>一般後期小論文型</t>
    <rPh sb="0" eb="2">
      <t>イッパン</t>
    </rPh>
    <rPh sb="2" eb="4">
      <t>コウキ</t>
    </rPh>
    <rPh sb="4" eb="7">
      <t>ショウロンブン</t>
    </rPh>
    <rPh sb="7" eb="8">
      <t>ガタ</t>
    </rPh>
    <phoneticPr fontId="1"/>
  </si>
  <si>
    <t>関西福祉</t>
    <rPh sb="0" eb="2">
      <t>カンサイ</t>
    </rPh>
    <rPh sb="2" eb="4">
      <t>フクシ</t>
    </rPh>
    <phoneticPr fontId="1"/>
  </si>
  <si>
    <t>教育、社会福祉</t>
    <rPh sb="0" eb="2">
      <t>キョウイク</t>
    </rPh>
    <rPh sb="3" eb="7">
      <t>シャカイフクシ</t>
    </rPh>
    <phoneticPr fontId="1"/>
  </si>
  <si>
    <t>関西福祉</t>
  </si>
  <si>
    <t>教育、社会福祉</t>
  </si>
  <si>
    <t>一般後期小論文方式</t>
    <rPh sb="0" eb="2">
      <t>イッパン</t>
    </rPh>
    <rPh sb="2" eb="4">
      <t>コウキ</t>
    </rPh>
    <rPh sb="4" eb="7">
      <t>ショウロンブン</t>
    </rPh>
    <rPh sb="7" eb="9">
      <t>ホウシキ</t>
    </rPh>
    <phoneticPr fontId="1"/>
  </si>
  <si>
    <t>兵庫医科</t>
    <rPh sb="0" eb="2">
      <t>ヒョウゴ</t>
    </rPh>
    <rPh sb="2" eb="4">
      <t>イカ</t>
    </rPh>
    <phoneticPr fontId="1"/>
  </si>
  <si>
    <t>薬</t>
    <rPh sb="0" eb="1">
      <t>ヤク</t>
    </rPh>
    <phoneticPr fontId="1"/>
  </si>
  <si>
    <t>兵庫医科</t>
  </si>
  <si>
    <t>薬</t>
  </si>
  <si>
    <t>医療薬</t>
  </si>
  <si>
    <t>薬学や薬剤師に関連するテーマ</t>
    <rPh sb="0" eb="2">
      <t>ヤクガク</t>
    </rPh>
    <rPh sb="3" eb="6">
      <t>ヤクザイシ</t>
    </rPh>
    <rPh sb="7" eb="9">
      <t>カンレン</t>
    </rPh>
    <phoneticPr fontId="1"/>
  </si>
  <si>
    <t>リハビリテーション、看護</t>
    <rPh sb="10" eb="12">
      <t>カンゴ</t>
    </rPh>
    <phoneticPr fontId="1"/>
  </si>
  <si>
    <t>リハビリテーション、看護</t>
  </si>
  <si>
    <t>保健・医療・福祉に関連するテーマ</t>
    <rPh sb="0" eb="2">
      <t>ホケン</t>
    </rPh>
    <rPh sb="3" eb="5">
      <t>イリョウ</t>
    </rPh>
    <rPh sb="6" eb="8">
      <t>フクシ</t>
    </rPh>
    <rPh sb="9" eb="11">
      <t>カンレン</t>
    </rPh>
    <phoneticPr fontId="1"/>
  </si>
  <si>
    <t>環太平洋</t>
    <rPh sb="0" eb="4">
      <t>カンタイヘイヨウ</t>
    </rPh>
    <phoneticPr fontId="1"/>
  </si>
  <si>
    <t>次世代教育、経済経営、体育</t>
    <rPh sb="0" eb="5">
      <t>ジセダイキョウイク</t>
    </rPh>
    <phoneticPr fontId="1"/>
  </si>
  <si>
    <t>環太平洋</t>
  </si>
  <si>
    <t>次世代教育、経済経営、体育</t>
  </si>
  <si>
    <t>一般最終日程</t>
    <rPh sb="0" eb="2">
      <t>イッパン</t>
    </rPh>
    <rPh sb="2" eb="6">
      <t>サイシュウニッテイ</t>
    </rPh>
    <phoneticPr fontId="1"/>
  </si>
  <si>
    <t>山陽新聞の記事より出題</t>
    <rPh sb="0" eb="4">
      <t>サンヨウシンブン</t>
    </rPh>
    <rPh sb="5" eb="7">
      <t>キジ</t>
    </rPh>
    <rPh sb="9" eb="11">
      <t>シュツダイ</t>
    </rPh>
    <phoneticPr fontId="1"/>
  </si>
  <si>
    <t>中国学園</t>
    <rPh sb="0" eb="4">
      <t>チュウゴクガクエン</t>
    </rPh>
    <phoneticPr fontId="1"/>
  </si>
  <si>
    <t>中国学園</t>
  </si>
  <si>
    <t>一般Ⅱ・Ⅲ期</t>
    <rPh sb="0" eb="2">
      <t>イッパン</t>
    </rPh>
    <rPh sb="5" eb="6">
      <t>キ</t>
    </rPh>
    <phoneticPr fontId="1"/>
  </si>
  <si>
    <t>美作</t>
    <rPh sb="0" eb="2">
      <t>ミマサカ</t>
    </rPh>
    <phoneticPr fontId="1"/>
  </si>
  <si>
    <t>生活科学</t>
    <rPh sb="0" eb="4">
      <t>セイカツカガク</t>
    </rPh>
    <phoneticPr fontId="1"/>
  </si>
  <si>
    <t>美作</t>
  </si>
  <si>
    <t>生活科学</t>
  </si>
  <si>
    <t>テーマについて自身の考えをまとめる</t>
    <rPh sb="7" eb="9">
      <t>ジシン</t>
    </rPh>
    <rPh sb="10" eb="11">
      <t>カンガ</t>
    </rPh>
    <phoneticPr fontId="1"/>
  </si>
  <si>
    <t>エリザベト音楽</t>
    <rPh sb="5" eb="7">
      <t>オンガク</t>
    </rPh>
    <phoneticPr fontId="1"/>
  </si>
  <si>
    <t>音楽</t>
    <rPh sb="0" eb="2">
      <t>オンガク</t>
    </rPh>
    <phoneticPr fontId="1"/>
  </si>
  <si>
    <t>エリザベト音楽</t>
  </si>
  <si>
    <t>音楽文化－音楽文化（研究・総合プログラム）</t>
  </si>
  <si>
    <t>記述型課題</t>
    <rPh sb="0" eb="2">
      <t>キジュツ</t>
    </rPh>
    <rPh sb="2" eb="3">
      <t>ガタ</t>
    </rPh>
    <rPh sb="3" eb="5">
      <t>カダイ</t>
    </rPh>
    <phoneticPr fontId="1"/>
  </si>
  <si>
    <t>音楽体験に関する記述</t>
    <rPh sb="0" eb="2">
      <t>オンガク</t>
    </rPh>
    <rPh sb="2" eb="4">
      <t>タイケン</t>
    </rPh>
    <rPh sb="5" eb="6">
      <t>カン</t>
    </rPh>
    <rPh sb="8" eb="10">
      <t>キジュツ</t>
    </rPh>
    <phoneticPr fontId="1"/>
  </si>
  <si>
    <t>音楽文化－幼児音楽教育</t>
  </si>
  <si>
    <t>幼児音楽教育に関するテーマについての記述</t>
    <rPh sb="0" eb="2">
      <t>ヨウジ</t>
    </rPh>
    <rPh sb="2" eb="4">
      <t>オンガク</t>
    </rPh>
    <rPh sb="4" eb="6">
      <t>キョウイク</t>
    </rPh>
    <rPh sb="7" eb="8">
      <t>カン</t>
    </rPh>
    <rPh sb="18" eb="20">
      <t>キジュツ</t>
    </rPh>
    <phoneticPr fontId="1"/>
  </si>
  <si>
    <t>広島文化学園</t>
    <rPh sb="0" eb="2">
      <t>ヒロシマ</t>
    </rPh>
    <rPh sb="2" eb="4">
      <t>ブンカ</t>
    </rPh>
    <rPh sb="4" eb="6">
      <t>ガクエン</t>
    </rPh>
    <phoneticPr fontId="1"/>
  </si>
  <si>
    <t>学芸、看護</t>
  </si>
  <si>
    <t>広島文化学園</t>
  </si>
  <si>
    <t>全学科（音楽を除く）</t>
  </si>
  <si>
    <t>一般中後期</t>
    <rPh sb="0" eb="2">
      <t>イッパン</t>
    </rPh>
    <rPh sb="2" eb="3">
      <t>チュウ</t>
    </rPh>
    <rPh sb="3" eb="5">
      <t>コウキ</t>
    </rPh>
    <phoneticPr fontId="1"/>
  </si>
  <si>
    <t>600字</t>
  </si>
  <si>
    <t>「アドミッション･ポリシー」の趣旨に沿って出題</t>
    <rPh sb="15" eb="17">
      <t>シュシ</t>
    </rPh>
    <rPh sb="18" eb="19">
      <t>ソ</t>
    </rPh>
    <rPh sb="21" eb="23">
      <t>シュツダイ</t>
    </rPh>
    <phoneticPr fontId="1"/>
  </si>
  <si>
    <t>人間健康</t>
    <rPh sb="0" eb="2">
      <t>ニンゲン</t>
    </rPh>
    <rPh sb="2" eb="4">
      <t>ケンコウ</t>
    </rPh>
    <phoneticPr fontId="1"/>
  </si>
  <si>
    <t>人間健康</t>
  </si>
  <si>
    <t>スポーツ健康福祉</t>
  </si>
  <si>
    <t>500字</t>
  </si>
  <si>
    <t>東亜</t>
    <rPh sb="0" eb="2">
      <t>トウア</t>
    </rPh>
    <phoneticPr fontId="1"/>
  </si>
  <si>
    <t>東亜</t>
  </si>
  <si>
    <t>各学部・学科に関連した一般的な課題</t>
    <rPh sb="0" eb="1">
      <t>カク</t>
    </rPh>
    <rPh sb="1" eb="3">
      <t>ガクブ</t>
    </rPh>
    <rPh sb="4" eb="6">
      <t>ガッカ</t>
    </rPh>
    <rPh sb="7" eb="9">
      <t>カンレン</t>
    </rPh>
    <rPh sb="11" eb="14">
      <t>イッパンテキ</t>
    </rPh>
    <rPh sb="15" eb="17">
      <t>カダイ</t>
    </rPh>
    <phoneticPr fontId="1"/>
  </si>
  <si>
    <t>宇部フロンティア</t>
    <rPh sb="0" eb="2">
      <t>ウベ</t>
    </rPh>
    <phoneticPr fontId="1"/>
  </si>
  <si>
    <t>宇部フロンティア</t>
  </si>
  <si>
    <t>至誠館</t>
    <rPh sb="0" eb="3">
      <t>シセイカン</t>
    </rPh>
    <phoneticPr fontId="1"/>
  </si>
  <si>
    <t>現代社会</t>
    <rPh sb="0" eb="4">
      <t>ゲンダイシャカイ</t>
    </rPh>
    <phoneticPr fontId="1"/>
  </si>
  <si>
    <t>至誠館</t>
  </si>
  <si>
    <t>現代社会</t>
  </si>
  <si>
    <t>一般後期</t>
    <rPh sb="0" eb="4">
      <t>イッパンコウキ</t>
    </rPh>
    <phoneticPr fontId="1"/>
  </si>
  <si>
    <t>梅光学院</t>
    <rPh sb="0" eb="2">
      <t>バイコウ</t>
    </rPh>
    <rPh sb="2" eb="4">
      <t>ガクイン</t>
    </rPh>
    <phoneticPr fontId="1"/>
  </si>
  <si>
    <t>梅光学院</t>
  </si>
  <si>
    <t>３年以内に発行された論文、書籍、新聞記事、雑誌記事、インターネット記事等を読んで、考えたことや、指示されたことを論述する</t>
    <rPh sb="1" eb="2">
      <t>ネン</t>
    </rPh>
    <rPh sb="2" eb="4">
      <t>イナイ</t>
    </rPh>
    <rPh sb="5" eb="7">
      <t>ハッコウ</t>
    </rPh>
    <rPh sb="10" eb="12">
      <t>ロンブン</t>
    </rPh>
    <rPh sb="13" eb="15">
      <t>ショセキ</t>
    </rPh>
    <rPh sb="16" eb="20">
      <t>シンブンキジ</t>
    </rPh>
    <rPh sb="21" eb="25">
      <t>ザッシキジ</t>
    </rPh>
    <rPh sb="33" eb="35">
      <t>キジ</t>
    </rPh>
    <rPh sb="35" eb="36">
      <t>トウ</t>
    </rPh>
    <rPh sb="37" eb="38">
      <t>ヨ</t>
    </rPh>
    <rPh sb="41" eb="42">
      <t>カンガ</t>
    </rPh>
    <rPh sb="48" eb="50">
      <t>シジ</t>
    </rPh>
    <rPh sb="56" eb="58">
      <t>ロンジュツ</t>
    </rPh>
    <phoneticPr fontId="1"/>
  </si>
  <si>
    <t>山口学芸</t>
    <rPh sb="0" eb="4">
      <t>ヤマグチガクゲイ</t>
    </rPh>
    <phoneticPr fontId="1"/>
  </si>
  <si>
    <t>山口学芸</t>
  </si>
  <si>
    <t>四国学院</t>
    <rPh sb="0" eb="4">
      <t>シコクガクイン</t>
    </rPh>
    <phoneticPr fontId="1"/>
  </si>
  <si>
    <t>四国学院</t>
  </si>
  <si>
    <t>英語・国語（現代文）・歴史総合・地理総合を統合した、記述式および選択問題の総合的学力問題</t>
    <rPh sb="0" eb="2">
      <t>エイゴ</t>
    </rPh>
    <rPh sb="3" eb="5">
      <t>コクゴ</t>
    </rPh>
    <rPh sb="6" eb="9">
      <t>ゲンダイブン</t>
    </rPh>
    <rPh sb="11" eb="15">
      <t>レキシソウゴウ</t>
    </rPh>
    <rPh sb="16" eb="20">
      <t>チリソウゴウ</t>
    </rPh>
    <rPh sb="21" eb="23">
      <t>トウゴウ</t>
    </rPh>
    <rPh sb="26" eb="29">
      <t>キジュツシキ</t>
    </rPh>
    <rPh sb="32" eb="36">
      <t>センタクモンダイ</t>
    </rPh>
    <rPh sb="37" eb="44">
      <t>ソウゴウテキガクリョクモンダイ</t>
    </rPh>
    <phoneticPr fontId="1"/>
  </si>
  <si>
    <t>高知学園</t>
    <rPh sb="0" eb="4">
      <t>コウチガクエン</t>
    </rPh>
    <phoneticPr fontId="1"/>
  </si>
  <si>
    <t>健康科学</t>
    <rPh sb="0" eb="2">
      <t>ケンコウ</t>
    </rPh>
    <rPh sb="2" eb="4">
      <t>カガク</t>
    </rPh>
    <phoneticPr fontId="1"/>
  </si>
  <si>
    <t>高知学園</t>
  </si>
  <si>
    <t>健康科学</t>
  </si>
  <si>
    <t>特定の教科・科目に限定せず、「思考力・判断力・表現力等」を評価する総合的な記述式問題</t>
    <rPh sb="0" eb="2">
      <t>トクテイ</t>
    </rPh>
    <rPh sb="3" eb="5">
      <t>キョウカ</t>
    </rPh>
    <rPh sb="6" eb="8">
      <t>カモク</t>
    </rPh>
    <rPh sb="9" eb="11">
      <t>ゲンテイ</t>
    </rPh>
    <rPh sb="15" eb="18">
      <t>シコウリョク</t>
    </rPh>
    <rPh sb="19" eb="22">
      <t>ハンダンリョク</t>
    </rPh>
    <rPh sb="23" eb="27">
      <t>ヒョウゲンリョクトウ</t>
    </rPh>
    <rPh sb="29" eb="31">
      <t>ヒョウカ</t>
    </rPh>
    <rPh sb="33" eb="36">
      <t>ソウゴウテキ</t>
    </rPh>
    <rPh sb="37" eb="42">
      <t>キジュツシキモンダイ</t>
    </rPh>
    <phoneticPr fontId="1"/>
  </si>
  <si>
    <t>久留米</t>
    <rPh sb="0" eb="3">
      <t>クルメ</t>
    </rPh>
    <phoneticPr fontId="1"/>
  </si>
  <si>
    <t>久留米</t>
  </si>
  <si>
    <t>一般前期</t>
    <rPh sb="0" eb="2">
      <t>イッパン</t>
    </rPh>
    <rPh sb="2" eb="4">
      <t>ゼンキ</t>
    </rPh>
    <phoneticPr fontId="1"/>
  </si>
  <si>
    <t>西日本工業</t>
    <rPh sb="0" eb="1">
      <t>ニシ</t>
    </rPh>
    <rPh sb="1" eb="3">
      <t>ニッポン</t>
    </rPh>
    <rPh sb="3" eb="5">
      <t>コウギョウ</t>
    </rPh>
    <phoneticPr fontId="1"/>
  </si>
  <si>
    <t>西日本工業</t>
  </si>
  <si>
    <t>長崎外国語</t>
    <rPh sb="0" eb="2">
      <t>ナガサキ</t>
    </rPh>
    <rPh sb="2" eb="5">
      <t>ガイコクゴ</t>
    </rPh>
    <phoneticPr fontId="1"/>
  </si>
  <si>
    <t>長崎外国語</t>
  </si>
  <si>
    <t>公共および情報Ⅰを組み合わせたテーマを出題</t>
    <rPh sb="0" eb="2">
      <t>コウキョウ</t>
    </rPh>
    <rPh sb="5" eb="7">
      <t>ジョウホウ</t>
    </rPh>
    <rPh sb="9" eb="10">
      <t>ク</t>
    </rPh>
    <rPh sb="11" eb="12">
      <t>ア</t>
    </rPh>
    <rPh sb="19" eb="21">
      <t>シュツダイ</t>
    </rPh>
    <phoneticPr fontId="1"/>
  </si>
  <si>
    <t>九州ルーテル学院</t>
    <rPh sb="0" eb="2">
      <t>キュウシュウ</t>
    </rPh>
    <rPh sb="6" eb="8">
      <t>ガクイン</t>
    </rPh>
    <phoneticPr fontId="1"/>
  </si>
  <si>
    <t>九州ルーテル学院</t>
  </si>
  <si>
    <t>国語領域、数学領域、英語領域から２問選択</t>
    <rPh sb="0" eb="2">
      <t>コクゴ</t>
    </rPh>
    <rPh sb="2" eb="4">
      <t>リョウイキ</t>
    </rPh>
    <rPh sb="5" eb="7">
      <t>スウガク</t>
    </rPh>
    <rPh sb="7" eb="9">
      <t>リョウイキ</t>
    </rPh>
    <rPh sb="10" eb="12">
      <t>エイゴ</t>
    </rPh>
    <rPh sb="12" eb="14">
      <t>リョウイキ</t>
    </rPh>
    <rPh sb="17" eb="18">
      <t>モン</t>
    </rPh>
    <rPh sb="18" eb="20">
      <t>センタク</t>
    </rPh>
    <phoneticPr fontId="1"/>
  </si>
  <si>
    <t>平成音楽</t>
    <rPh sb="0" eb="2">
      <t>ヘイセイ</t>
    </rPh>
    <rPh sb="2" eb="4">
      <t>オンガク</t>
    </rPh>
    <phoneticPr fontId="1"/>
  </si>
  <si>
    <t>平成音楽</t>
  </si>
  <si>
    <t>別府</t>
    <rPh sb="0" eb="2">
      <t>ベップ</t>
    </rPh>
    <phoneticPr fontId="1"/>
  </si>
  <si>
    <t>別府</t>
  </si>
  <si>
    <t>立命館アジア太平洋</t>
    <rPh sb="0" eb="3">
      <t>リツメイカン</t>
    </rPh>
    <rPh sb="6" eb="9">
      <t>タイヘイヨウ</t>
    </rPh>
    <phoneticPr fontId="1"/>
  </si>
  <si>
    <t>立命館アジア太平洋</t>
  </si>
  <si>
    <t>共通テスト+探究型総合問題方式</t>
    <rPh sb="0" eb="2">
      <t>キョウツウ</t>
    </rPh>
    <rPh sb="6" eb="9">
      <t>タンキュウガタ</t>
    </rPh>
    <rPh sb="9" eb="13">
      <t>ソウゴウモンダイ</t>
    </rPh>
    <rPh sb="13" eb="15">
      <t>ホウシキ</t>
    </rPh>
    <phoneticPr fontId="1"/>
  </si>
  <si>
    <t>与えられた資料から自分なりの「問い」を立て、自分なりの「方法」で、自分なりの「答え（最適解）」を見つける力＝探究力の資質や能力を評価する</t>
    <rPh sb="0" eb="1">
      <t>アタ</t>
    </rPh>
    <rPh sb="5" eb="7">
      <t>シリョウ</t>
    </rPh>
    <rPh sb="9" eb="11">
      <t>ジブン</t>
    </rPh>
    <rPh sb="15" eb="16">
      <t>ト</t>
    </rPh>
    <rPh sb="19" eb="20">
      <t>タ</t>
    </rPh>
    <rPh sb="22" eb="24">
      <t>ジブン</t>
    </rPh>
    <rPh sb="28" eb="30">
      <t>ホウホウ</t>
    </rPh>
    <rPh sb="33" eb="35">
      <t>ジブン</t>
    </rPh>
    <rPh sb="39" eb="40">
      <t>コタ</t>
    </rPh>
    <rPh sb="42" eb="45">
      <t>サイテキカイ</t>
    </rPh>
    <rPh sb="48" eb="49">
      <t>ミ</t>
    </rPh>
    <rPh sb="52" eb="53">
      <t>チカラ</t>
    </rPh>
    <rPh sb="54" eb="57">
      <t>タンキュウリョク</t>
    </rPh>
    <rPh sb="58" eb="60">
      <t>シシツ</t>
    </rPh>
    <rPh sb="61" eb="63">
      <t>ノウリョク</t>
    </rPh>
    <rPh sb="64" eb="66">
      <t>ヒョウカ</t>
    </rPh>
    <phoneticPr fontId="1"/>
  </si>
  <si>
    <t>九州医療科学</t>
    <rPh sb="0" eb="2">
      <t>キュウシュウ</t>
    </rPh>
    <rPh sb="2" eb="4">
      <t>イリョウ</t>
    </rPh>
    <rPh sb="4" eb="6">
      <t>カガク</t>
    </rPh>
    <phoneticPr fontId="1"/>
  </si>
  <si>
    <t>九州医療科学</t>
  </si>
  <si>
    <t>前期Ａ方式</t>
    <rPh sb="0" eb="2">
      <t>ゼンキ</t>
    </rPh>
    <rPh sb="3" eb="5">
      <t>ホウシキ</t>
    </rPh>
    <phoneticPr fontId="1"/>
  </si>
  <si>
    <t>宮崎国際</t>
    <rPh sb="0" eb="2">
      <t>ミヤザキ</t>
    </rPh>
    <rPh sb="2" eb="4">
      <t>コクサイ</t>
    </rPh>
    <phoneticPr fontId="1"/>
  </si>
  <si>
    <t>宮崎国際</t>
  </si>
  <si>
    <t>2026年度入試　小論文・総合問題　出題概要一覧（私立大学）</t>
    <rPh sb="9" eb="12">
      <t>ショウロンブン</t>
    </rPh>
    <rPh sb="13" eb="15">
      <t>ソウゴウ</t>
    </rPh>
    <rPh sb="15" eb="17">
      <t>モンダイ</t>
    </rPh>
    <rPh sb="18" eb="20">
      <t>シュツダイ</t>
    </rPh>
    <rPh sb="20" eb="22">
      <t>ガイヨウ</t>
    </rPh>
    <rPh sb="22" eb="24">
      <t>イチラン</t>
    </rPh>
    <rPh sb="25" eb="27">
      <t>シリツ</t>
    </rPh>
    <rPh sb="27" eb="29">
      <t>ダイガク</t>
    </rPh>
    <phoneticPr fontId="1"/>
  </si>
  <si>
    <t>2026年度入試　小論文・総合問題　出題概要一覧（国公立大学）</t>
    <rPh sb="9" eb="12">
      <t>ショウロンブン</t>
    </rPh>
    <rPh sb="13" eb="15">
      <t>ソウゴウ</t>
    </rPh>
    <rPh sb="15" eb="17">
      <t>モンダイ</t>
    </rPh>
    <rPh sb="18" eb="20">
      <t>シュツダイ</t>
    </rPh>
    <rPh sb="20" eb="22">
      <t>ガイヨウ</t>
    </rPh>
    <rPh sb="22" eb="24">
      <t>イチラン</t>
    </rPh>
    <rPh sb="25" eb="28">
      <t>コッコウリツ</t>
    </rPh>
    <rPh sb="28" eb="30">
      <t>ダイガク</t>
    </rPh>
    <rPh sb="29" eb="30">
      <t>シダ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name val="ＭＳ Ｐゴシック"/>
      <family val="3"/>
      <charset val="128"/>
    </font>
    <font>
      <sz val="6"/>
      <name val="ＭＳ Ｐゴシック"/>
      <family val="3"/>
      <charset val="128"/>
    </font>
    <font>
      <sz val="9"/>
      <name val="ＭＳ ゴシック"/>
      <family val="3"/>
      <charset val="128"/>
    </font>
    <font>
      <sz val="9"/>
      <name val="ＭＳ Ｐゴシック"/>
      <family val="3"/>
      <charset val="128"/>
    </font>
    <font>
      <b/>
      <sz val="16"/>
      <name val="ＭＳ Ｐゴシック"/>
      <family val="3"/>
      <charset val="128"/>
    </font>
    <font>
      <sz val="8"/>
      <name val="ＭＳ Ｐゴシック"/>
      <family val="3"/>
      <charset val="128"/>
    </font>
    <font>
      <sz val="11"/>
      <name val="ＭＳ Ｐゴシック"/>
      <family val="3"/>
      <charset val="128"/>
    </font>
    <font>
      <sz val="11"/>
      <color theme="1"/>
      <name val="ＭＳ Ｐゴシック"/>
      <family val="2"/>
      <scheme val="minor"/>
    </font>
    <font>
      <b/>
      <sz val="11"/>
      <color theme="3"/>
      <name val="ＭＳ Ｐゴシック"/>
      <family val="2"/>
      <charset val="128"/>
      <scheme val="minor"/>
    </font>
    <font>
      <sz val="11"/>
      <color rgb="FF3F3F76"/>
      <name val="ＭＳ Ｐゴシック"/>
      <family val="2"/>
      <charset val="128"/>
      <scheme val="minor"/>
    </font>
    <font>
      <b/>
      <sz val="13"/>
      <color theme="3"/>
      <name val="ＭＳ Ｐゴシック"/>
      <family val="2"/>
      <charset val="128"/>
      <scheme val="minor"/>
    </font>
    <font>
      <sz val="11"/>
      <color rgb="FF9C5700"/>
      <name val="ＭＳ Ｐゴシック"/>
      <family val="2"/>
      <charset val="128"/>
      <scheme val="minor"/>
    </font>
  </fonts>
  <fills count="5">
    <fill>
      <patternFill patternType="none"/>
    </fill>
    <fill>
      <patternFill patternType="gray125"/>
    </fill>
    <fill>
      <patternFill patternType="solid">
        <fgColor indexed="22"/>
        <bgColor indexed="64"/>
      </patternFill>
    </fill>
    <fill>
      <patternFill patternType="solid">
        <fgColor theme="0"/>
        <bgColor indexed="64"/>
      </patternFill>
    </fill>
    <fill>
      <patternFill patternType="solid">
        <fgColor theme="0" tint="-0.249977111117893"/>
        <bgColor indexed="64"/>
      </patternFill>
    </fill>
  </fills>
  <borders count="24">
    <border>
      <left/>
      <right/>
      <top/>
      <bottom/>
      <diagonal/>
    </border>
    <border>
      <left style="hair">
        <color indexed="64"/>
      </left>
      <right style="hair">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style="hair">
        <color indexed="64"/>
      </left>
      <right/>
      <top/>
      <bottom/>
      <diagonal/>
    </border>
    <border>
      <left style="hair">
        <color indexed="64"/>
      </left>
      <right/>
      <top style="hair">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style="thin">
        <color indexed="64"/>
      </top>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diagonal/>
    </border>
    <border>
      <left style="thin">
        <color indexed="64"/>
      </left>
      <right/>
      <top/>
      <bottom/>
      <diagonal/>
    </border>
    <border>
      <left style="thin">
        <color indexed="64"/>
      </left>
      <right style="hair">
        <color indexed="64"/>
      </right>
      <top/>
      <bottom/>
      <diagonal/>
    </border>
    <border>
      <left style="thin">
        <color indexed="64"/>
      </left>
      <right/>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hair">
        <color indexed="64"/>
      </top>
      <bottom style="thin">
        <color indexed="64"/>
      </bottom>
      <diagonal/>
    </border>
  </borders>
  <cellStyleXfs count="4">
    <xf numFmtId="0" fontId="0" fillId="0" borderId="0"/>
    <xf numFmtId="0" fontId="7" fillId="0" borderId="0"/>
    <xf numFmtId="0" fontId="6" fillId="0" borderId="0"/>
    <xf numFmtId="0" fontId="6" fillId="0" borderId="0"/>
  </cellStyleXfs>
  <cellXfs count="50">
    <xf numFmtId="0" fontId="0" fillId="0" borderId="0" xfId="0"/>
    <xf numFmtId="0" fontId="2" fillId="0" borderId="0" xfId="0" applyFont="1" applyAlignment="1">
      <alignment wrapText="1"/>
    </xf>
    <xf numFmtId="0" fontId="3" fillId="0" borderId="0" xfId="0" applyFont="1" applyAlignment="1">
      <alignment vertical="top" wrapText="1"/>
    </xf>
    <xf numFmtId="0" fontId="5" fillId="0" borderId="0" xfId="0" applyFont="1"/>
    <xf numFmtId="0" fontId="3" fillId="0" borderId="0" xfId="0" applyFont="1" applyAlignment="1">
      <alignment horizontal="center" vertical="top" wrapText="1"/>
    </xf>
    <xf numFmtId="0" fontId="2" fillId="0" borderId="0" xfId="0" applyFont="1" applyAlignment="1">
      <alignment horizontal="center" vertical="top" wrapText="1"/>
    </xf>
    <xf numFmtId="0" fontId="5" fillId="3" borderId="0" xfId="0" applyFont="1" applyFill="1"/>
    <xf numFmtId="0" fontId="4" fillId="3" borderId="0" xfId="0" applyFont="1" applyFill="1" applyAlignment="1">
      <alignment horizontal="center"/>
    </xf>
    <xf numFmtId="0" fontId="3" fillId="3" borderId="0" xfId="0" applyFont="1" applyFill="1"/>
    <xf numFmtId="0" fontId="3" fillId="2" borderId="0" xfId="0" applyFont="1" applyFill="1" applyAlignment="1">
      <alignment horizontal="center" vertical="top" wrapText="1"/>
    </xf>
    <xf numFmtId="0" fontId="3" fillId="4" borderId="0" xfId="0" applyFont="1" applyFill="1" applyAlignment="1">
      <alignment horizontal="center" vertical="top" wrapText="1"/>
    </xf>
    <xf numFmtId="0" fontId="4" fillId="3" borderId="0" xfId="0" applyFont="1" applyFill="1"/>
    <xf numFmtId="0" fontId="3" fillId="0" borderId="0" xfId="0" applyFont="1"/>
    <xf numFmtId="0" fontId="3" fillId="0" borderId="1" xfId="0" applyFont="1" applyBorder="1" applyAlignment="1">
      <alignment vertical="top" wrapText="1"/>
    </xf>
    <xf numFmtId="0" fontId="3" fillId="0" borderId="2" xfId="0" applyFont="1" applyBorder="1" applyAlignment="1">
      <alignment vertical="top" wrapText="1"/>
    </xf>
    <xf numFmtId="0" fontId="3" fillId="0" borderId="3" xfId="0" applyFont="1" applyBorder="1" applyAlignment="1">
      <alignment vertical="top" wrapText="1"/>
    </xf>
    <xf numFmtId="0" fontId="3" fillId="0" borderId="4" xfId="0" applyFont="1" applyBorder="1" applyAlignment="1">
      <alignment vertical="top" wrapText="1"/>
    </xf>
    <xf numFmtId="0" fontId="3" fillId="0" borderId="5" xfId="0" applyFont="1" applyBorder="1" applyAlignment="1">
      <alignment vertical="top" wrapText="1"/>
    </xf>
    <xf numFmtId="0" fontId="3" fillId="0" borderId="6" xfId="0" applyFont="1" applyBorder="1" applyAlignment="1">
      <alignment vertical="top" wrapText="1"/>
    </xf>
    <xf numFmtId="0" fontId="3" fillId="2" borderId="7" xfId="0" applyFont="1" applyFill="1" applyBorder="1" applyAlignment="1">
      <alignment horizontal="center" vertical="top" wrapText="1"/>
    </xf>
    <xf numFmtId="0" fontId="3" fillId="4" borderId="7" xfId="0" applyFont="1" applyFill="1" applyBorder="1" applyAlignment="1">
      <alignment horizontal="center" vertical="top" wrapText="1"/>
    </xf>
    <xf numFmtId="0" fontId="3" fillId="4" borderId="8" xfId="0" applyFont="1" applyFill="1" applyBorder="1" applyAlignment="1">
      <alignment horizontal="center" vertical="top" wrapText="1"/>
    </xf>
    <xf numFmtId="0" fontId="3" fillId="0" borderId="9" xfId="0" applyFont="1" applyBorder="1" applyAlignment="1">
      <alignment vertical="top" wrapText="1"/>
    </xf>
    <xf numFmtId="0" fontId="2" fillId="0" borderId="0" xfId="0" applyFont="1" applyAlignment="1">
      <alignment vertical="top" wrapText="1"/>
    </xf>
    <xf numFmtId="0" fontId="3" fillId="2" borderId="10" xfId="0" applyFont="1" applyFill="1" applyBorder="1" applyAlignment="1">
      <alignment horizontal="center" vertical="top" wrapText="1"/>
    </xf>
    <xf numFmtId="0" fontId="3" fillId="2" borderId="11" xfId="0" applyFont="1" applyFill="1" applyBorder="1" applyAlignment="1">
      <alignment horizontal="center" vertical="top" wrapText="1"/>
    </xf>
    <xf numFmtId="0" fontId="3" fillId="2" borderId="12" xfId="0" applyFont="1" applyFill="1" applyBorder="1" applyAlignment="1">
      <alignment horizontal="center" vertical="top" wrapText="1"/>
    </xf>
    <xf numFmtId="0" fontId="3" fillId="2" borderId="8" xfId="0" applyFont="1" applyFill="1" applyBorder="1" applyAlignment="1">
      <alignment horizontal="center" vertical="top" wrapText="1"/>
    </xf>
    <xf numFmtId="0" fontId="3" fillId="0" borderId="13" xfId="0" applyFont="1" applyBorder="1" applyAlignment="1">
      <alignment vertical="top" wrapText="1"/>
    </xf>
    <xf numFmtId="0" fontId="3" fillId="0" borderId="14" xfId="0" applyFont="1" applyBorder="1" applyAlignment="1">
      <alignment vertical="top" wrapText="1"/>
    </xf>
    <xf numFmtId="0" fontId="3" fillId="0" borderId="15" xfId="0" applyFont="1" applyBorder="1" applyAlignment="1">
      <alignment vertical="top" wrapText="1"/>
    </xf>
    <xf numFmtId="0" fontId="3" fillId="0" borderId="16" xfId="0" applyFont="1" applyBorder="1" applyAlignment="1">
      <alignment vertical="top" wrapText="1"/>
    </xf>
    <xf numFmtId="0" fontId="3" fillId="0" borderId="17" xfId="0" applyFont="1" applyBorder="1" applyAlignment="1">
      <alignment vertical="top" wrapText="1"/>
    </xf>
    <xf numFmtId="0" fontId="3" fillId="0" borderId="18" xfId="0" applyFont="1" applyBorder="1" applyAlignment="1">
      <alignment vertical="top" wrapText="1"/>
    </xf>
    <xf numFmtId="0" fontId="3" fillId="0" borderId="19" xfId="0" applyFont="1" applyBorder="1" applyAlignment="1">
      <alignment vertical="top" wrapText="1"/>
    </xf>
    <xf numFmtId="0" fontId="3" fillId="0" borderId="20" xfId="0" applyFont="1" applyBorder="1" applyAlignment="1">
      <alignment vertical="top" wrapText="1"/>
    </xf>
    <xf numFmtId="0" fontId="3" fillId="0" borderId="21" xfId="0" applyFont="1" applyBorder="1" applyAlignment="1">
      <alignment vertical="top" wrapText="1"/>
    </xf>
    <xf numFmtId="0" fontId="3" fillId="0" borderId="22" xfId="0" applyFont="1" applyBorder="1" applyAlignment="1">
      <alignment vertical="top" wrapText="1"/>
    </xf>
    <xf numFmtId="0" fontId="3" fillId="4" borderId="12" xfId="0" applyFont="1" applyFill="1" applyBorder="1" applyAlignment="1">
      <alignment horizontal="center" vertical="top" wrapText="1"/>
    </xf>
    <xf numFmtId="0" fontId="3" fillId="0" borderId="23" xfId="0" applyFont="1" applyBorder="1" applyAlignment="1">
      <alignment vertical="top" wrapText="1"/>
    </xf>
    <xf numFmtId="0" fontId="2" fillId="0" borderId="1" xfId="0" applyFont="1" applyBorder="1" applyAlignment="1">
      <alignment vertical="top" wrapText="1"/>
    </xf>
    <xf numFmtId="0" fontId="2" fillId="0" borderId="14" xfId="0" applyFont="1" applyBorder="1" applyAlignment="1">
      <alignment vertical="top" wrapText="1"/>
    </xf>
    <xf numFmtId="0" fontId="2" fillId="0" borderId="3" xfId="0" applyFont="1" applyBorder="1" applyAlignment="1">
      <alignment vertical="top" wrapText="1"/>
    </xf>
    <xf numFmtId="0" fontId="2" fillId="0" borderId="4" xfId="0" applyFont="1" applyBorder="1" applyAlignment="1">
      <alignment vertical="top" wrapText="1"/>
    </xf>
    <xf numFmtId="0" fontId="2" fillId="0" borderId="6" xfId="0" applyFont="1" applyBorder="1" applyAlignment="1">
      <alignment vertical="top" wrapText="1"/>
    </xf>
    <xf numFmtId="0" fontId="2" fillId="0" borderId="2" xfId="0" applyFont="1" applyBorder="1" applyAlignment="1">
      <alignment vertical="top" wrapText="1"/>
    </xf>
    <xf numFmtId="0" fontId="2" fillId="0" borderId="21" xfId="0" applyFont="1" applyBorder="1" applyAlignment="1">
      <alignment vertical="top" wrapText="1"/>
    </xf>
    <xf numFmtId="0" fontId="2" fillId="0" borderId="22" xfId="0" applyFont="1" applyBorder="1" applyAlignment="1">
      <alignment vertical="top" wrapText="1"/>
    </xf>
    <xf numFmtId="0" fontId="3" fillId="3" borderId="0" xfId="0" applyFont="1" applyFill="1" applyAlignment="1">
      <alignment horizontal="left" vertical="center" wrapText="1"/>
    </xf>
    <xf numFmtId="0" fontId="4" fillId="3" borderId="0" xfId="0" applyFont="1" applyFill="1" applyAlignment="1">
      <alignment horizontal="center"/>
    </xf>
  </cellXfs>
  <cellStyles count="4">
    <cellStyle name="標準" xfId="0" builtinId="0"/>
    <cellStyle name="標準 2" xfId="1" xr:uid="{00000000-0005-0000-0000-000001000000}"/>
    <cellStyle name="標準 2 2" xfId="2" xr:uid="{00000000-0005-0000-0000-000002000000}"/>
    <cellStyle name="標準 3" xfId="3" xr:uid="{00000000-0005-0000-0000-000003000000}"/>
  </cellStyles>
  <dxfs count="0"/>
  <tableStyles count="0" defaultTableStyle="TableStyleMedium2" defaultPivotStyle="PivotStyleLight16"/>
  <colors>
    <mruColors>
      <color rgb="FF009900"/>
      <color rgb="FF8BFF8B"/>
      <color rgb="FF99FF99"/>
      <color rgb="FFD31DB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theme" Target="theme/theme1.xml"/><Relationship Id="rId7"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1.jpeg"/></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13" Type="http://schemas.openxmlformats.org/officeDocument/2006/relationships/printerSettings" Target="../printerSettings/printerSettings13.bin"/><Relationship Id="rId18" Type="http://schemas.openxmlformats.org/officeDocument/2006/relationships/printerSettings" Target="../printerSettings/printerSettings18.bin"/><Relationship Id="rId3" Type="http://schemas.openxmlformats.org/officeDocument/2006/relationships/printerSettings" Target="../printerSettings/printerSettings3.bin"/><Relationship Id="rId21" Type="http://schemas.openxmlformats.org/officeDocument/2006/relationships/printerSettings" Target="../printerSettings/printerSettings21.bin"/><Relationship Id="rId7" Type="http://schemas.openxmlformats.org/officeDocument/2006/relationships/printerSettings" Target="../printerSettings/printerSettings7.bin"/><Relationship Id="rId12" Type="http://schemas.openxmlformats.org/officeDocument/2006/relationships/printerSettings" Target="../printerSettings/printerSettings12.bin"/><Relationship Id="rId17" Type="http://schemas.openxmlformats.org/officeDocument/2006/relationships/printerSettings" Target="../printerSettings/printerSettings17.bin"/><Relationship Id="rId2" Type="http://schemas.openxmlformats.org/officeDocument/2006/relationships/printerSettings" Target="../printerSettings/printerSettings2.bin"/><Relationship Id="rId16" Type="http://schemas.openxmlformats.org/officeDocument/2006/relationships/printerSettings" Target="../printerSettings/printerSettings16.bin"/><Relationship Id="rId20" Type="http://schemas.openxmlformats.org/officeDocument/2006/relationships/printerSettings" Target="../printerSettings/printerSettings20.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11" Type="http://schemas.openxmlformats.org/officeDocument/2006/relationships/printerSettings" Target="../printerSettings/printerSettings11.bin"/><Relationship Id="rId5" Type="http://schemas.openxmlformats.org/officeDocument/2006/relationships/printerSettings" Target="../printerSettings/printerSettings5.bin"/><Relationship Id="rId15" Type="http://schemas.openxmlformats.org/officeDocument/2006/relationships/printerSettings" Target="../printerSettings/printerSettings15.bin"/><Relationship Id="rId23" Type="http://schemas.openxmlformats.org/officeDocument/2006/relationships/vmlDrawing" Target="../drawings/vmlDrawing1.vml"/><Relationship Id="rId10" Type="http://schemas.openxmlformats.org/officeDocument/2006/relationships/printerSettings" Target="../printerSettings/printerSettings10.bin"/><Relationship Id="rId19" Type="http://schemas.openxmlformats.org/officeDocument/2006/relationships/printerSettings" Target="../printerSettings/printerSettings19.bin"/><Relationship Id="rId4" Type="http://schemas.openxmlformats.org/officeDocument/2006/relationships/printerSettings" Target="../printerSettings/printerSettings4.bin"/><Relationship Id="rId9" Type="http://schemas.openxmlformats.org/officeDocument/2006/relationships/printerSettings" Target="../printerSettings/printerSettings9.bin"/><Relationship Id="rId14" Type="http://schemas.openxmlformats.org/officeDocument/2006/relationships/printerSettings" Target="../printerSettings/printerSettings14.bin"/><Relationship Id="rId22" Type="http://schemas.openxmlformats.org/officeDocument/2006/relationships/printerSettings" Target="../printerSettings/printerSettings22.bin"/></Relationships>
</file>

<file path=xl/worksheets/_rels/sheet2.xml.rels><?xml version="1.0" encoding="UTF-8" standalone="yes"?>
<Relationships xmlns="http://schemas.openxmlformats.org/package/2006/relationships"><Relationship Id="rId8" Type="http://schemas.openxmlformats.org/officeDocument/2006/relationships/printerSettings" Target="../printerSettings/printerSettings30.bin"/><Relationship Id="rId13" Type="http://schemas.openxmlformats.org/officeDocument/2006/relationships/printerSettings" Target="../printerSettings/printerSettings35.bin"/><Relationship Id="rId18" Type="http://schemas.openxmlformats.org/officeDocument/2006/relationships/printerSettings" Target="../printerSettings/printerSettings40.bin"/><Relationship Id="rId3" Type="http://schemas.openxmlformats.org/officeDocument/2006/relationships/printerSettings" Target="../printerSettings/printerSettings25.bin"/><Relationship Id="rId21" Type="http://schemas.openxmlformats.org/officeDocument/2006/relationships/printerSettings" Target="../printerSettings/printerSettings43.bin"/><Relationship Id="rId7" Type="http://schemas.openxmlformats.org/officeDocument/2006/relationships/printerSettings" Target="../printerSettings/printerSettings29.bin"/><Relationship Id="rId12" Type="http://schemas.openxmlformats.org/officeDocument/2006/relationships/printerSettings" Target="../printerSettings/printerSettings34.bin"/><Relationship Id="rId17" Type="http://schemas.openxmlformats.org/officeDocument/2006/relationships/printerSettings" Target="../printerSettings/printerSettings39.bin"/><Relationship Id="rId2" Type="http://schemas.openxmlformats.org/officeDocument/2006/relationships/printerSettings" Target="../printerSettings/printerSettings24.bin"/><Relationship Id="rId16" Type="http://schemas.openxmlformats.org/officeDocument/2006/relationships/printerSettings" Target="../printerSettings/printerSettings38.bin"/><Relationship Id="rId20" Type="http://schemas.openxmlformats.org/officeDocument/2006/relationships/printerSettings" Target="../printerSettings/printerSettings42.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11" Type="http://schemas.openxmlformats.org/officeDocument/2006/relationships/printerSettings" Target="../printerSettings/printerSettings33.bin"/><Relationship Id="rId5" Type="http://schemas.openxmlformats.org/officeDocument/2006/relationships/printerSettings" Target="../printerSettings/printerSettings27.bin"/><Relationship Id="rId15" Type="http://schemas.openxmlformats.org/officeDocument/2006/relationships/printerSettings" Target="../printerSettings/printerSettings37.bin"/><Relationship Id="rId23" Type="http://schemas.openxmlformats.org/officeDocument/2006/relationships/vmlDrawing" Target="../drawings/vmlDrawing2.vml"/><Relationship Id="rId10" Type="http://schemas.openxmlformats.org/officeDocument/2006/relationships/printerSettings" Target="../printerSettings/printerSettings32.bin"/><Relationship Id="rId19" Type="http://schemas.openxmlformats.org/officeDocument/2006/relationships/printerSettings" Target="../printerSettings/printerSettings41.bin"/><Relationship Id="rId4" Type="http://schemas.openxmlformats.org/officeDocument/2006/relationships/printerSettings" Target="../printerSettings/printerSettings26.bin"/><Relationship Id="rId9" Type="http://schemas.openxmlformats.org/officeDocument/2006/relationships/printerSettings" Target="../printerSettings/printerSettings31.bin"/><Relationship Id="rId14" Type="http://schemas.openxmlformats.org/officeDocument/2006/relationships/printerSettings" Target="../printerSettings/printerSettings36.bin"/><Relationship Id="rId22" Type="http://schemas.openxmlformats.org/officeDocument/2006/relationships/printerSettings" Target="../printerSettings/printerSettings4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indexed="44"/>
    <pageSetUpPr fitToPage="1"/>
  </sheetPr>
  <dimension ref="A1:I237"/>
  <sheetViews>
    <sheetView tabSelected="1" showRuler="0" zoomScaleNormal="100" zoomScaleSheetLayoutView="100" workbookViewId="0">
      <pane ySplit="9" topLeftCell="A10" activePane="bottomLeft" state="frozenSplit"/>
      <selection pane="bottomLeft" activeCell="C1" sqref="C1:I1"/>
    </sheetView>
  </sheetViews>
  <sheetFormatPr defaultColWidth="9" defaultRowHeight="10.8" x14ac:dyDescent="0.2"/>
  <cols>
    <col min="1" max="2" width="10.33203125" style="2" hidden="1" customWidth="1"/>
    <col min="3" max="3" width="12.33203125" style="2" customWidth="1"/>
    <col min="4" max="4" width="17.6640625" style="2" customWidth="1"/>
    <col min="5" max="5" width="13.6640625" style="2" customWidth="1"/>
    <col min="6" max="6" width="5.33203125" style="2" customWidth="1"/>
    <col min="7" max="8" width="8" style="2" customWidth="1"/>
    <col min="9" max="9" width="58.44140625" style="2" customWidth="1"/>
    <col min="10" max="16384" width="9" style="2"/>
  </cols>
  <sheetData>
    <row r="1" spans="1:9" customFormat="1" ht="19.2" x14ac:dyDescent="0.25">
      <c r="A1" s="2"/>
      <c r="B1" s="11"/>
      <c r="C1" s="49" t="s">
        <v>1307</v>
      </c>
      <c r="D1" s="49"/>
      <c r="E1" s="49"/>
      <c r="F1" s="49"/>
      <c r="G1" s="49"/>
      <c r="H1" s="49"/>
      <c r="I1" s="49"/>
    </row>
    <row r="2" spans="1:9" customFormat="1" ht="6" customHeight="1" x14ac:dyDescent="0.25">
      <c r="A2" s="7"/>
      <c r="B2" s="7"/>
      <c r="C2" s="7"/>
      <c r="D2" s="7"/>
      <c r="E2" s="7"/>
      <c r="F2" s="7"/>
      <c r="G2" s="7"/>
      <c r="H2" s="7"/>
      <c r="I2" s="7"/>
    </row>
    <row r="3" spans="1:9" customFormat="1" ht="12" customHeight="1" x14ac:dyDescent="0.25">
      <c r="A3" s="8"/>
      <c r="B3" s="7"/>
      <c r="C3" s="8" t="s">
        <v>0</v>
      </c>
      <c r="D3" s="7"/>
      <c r="E3" s="7"/>
      <c r="F3" s="7"/>
      <c r="G3" s="7"/>
      <c r="H3" s="7"/>
      <c r="I3" s="7"/>
    </row>
    <row r="4" spans="1:9" customFormat="1" ht="12" customHeight="1" x14ac:dyDescent="0.25">
      <c r="A4" s="8"/>
      <c r="B4" s="7"/>
      <c r="C4" s="8" t="s">
        <v>1</v>
      </c>
      <c r="D4" s="7"/>
      <c r="E4" s="7"/>
      <c r="F4" s="7"/>
      <c r="G4" s="7"/>
      <c r="H4" s="7"/>
      <c r="I4" s="7"/>
    </row>
    <row r="5" spans="1:9" customFormat="1" ht="12" customHeight="1" x14ac:dyDescent="0.25">
      <c r="A5" s="8"/>
      <c r="B5" s="7"/>
      <c r="C5" s="8" t="s">
        <v>2</v>
      </c>
      <c r="D5" s="7"/>
      <c r="E5" s="7"/>
      <c r="F5" s="7"/>
      <c r="G5" s="7"/>
      <c r="H5" s="7"/>
      <c r="I5" s="7"/>
    </row>
    <row r="6" spans="1:9" customFormat="1" ht="25.95" customHeight="1" x14ac:dyDescent="0.25">
      <c r="A6" s="8"/>
      <c r="B6" s="7"/>
      <c r="C6" s="48" t="s">
        <v>3</v>
      </c>
      <c r="D6" s="48"/>
      <c r="E6" s="48"/>
      <c r="F6" s="48"/>
      <c r="G6" s="48"/>
      <c r="H6" s="48"/>
      <c r="I6" s="48"/>
    </row>
    <row r="7" spans="1:9" customFormat="1" ht="12" customHeight="1" x14ac:dyDescent="0.25">
      <c r="A7" s="8"/>
      <c r="B7" s="7"/>
      <c r="C7" s="8" t="s">
        <v>4</v>
      </c>
      <c r="D7" s="7"/>
      <c r="E7" s="7"/>
      <c r="F7" s="7"/>
      <c r="G7" s="7"/>
      <c r="H7" s="7"/>
      <c r="I7" s="7"/>
    </row>
    <row r="8" spans="1:9" s="3" customFormat="1" ht="7.2" customHeight="1" x14ac:dyDescent="0.15">
      <c r="A8" s="8"/>
      <c r="B8" s="8"/>
      <c r="C8" s="8"/>
      <c r="D8" s="8"/>
      <c r="E8" s="8"/>
      <c r="F8" s="8"/>
      <c r="G8" s="8"/>
      <c r="H8" s="8"/>
      <c r="I8" s="8"/>
    </row>
    <row r="9" spans="1:9" s="4" customFormat="1" x14ac:dyDescent="0.2">
      <c r="A9" s="9" t="s">
        <v>5</v>
      </c>
      <c r="B9" s="9" t="s">
        <v>6</v>
      </c>
      <c r="C9" s="24" t="s">
        <v>5</v>
      </c>
      <c r="D9" s="25" t="s">
        <v>6</v>
      </c>
      <c r="E9" s="26" t="s">
        <v>7</v>
      </c>
      <c r="F9" s="19" t="s">
        <v>8</v>
      </c>
      <c r="G9" s="19" t="s">
        <v>9</v>
      </c>
      <c r="H9" s="19" t="s">
        <v>10</v>
      </c>
      <c r="I9" s="27" t="s">
        <v>11</v>
      </c>
    </row>
    <row r="10" spans="1:9" x14ac:dyDescent="0.2">
      <c r="A10" s="2" t="s">
        <v>12</v>
      </c>
      <c r="B10" s="2" t="s">
        <v>13</v>
      </c>
      <c r="C10" s="28" t="s">
        <v>14</v>
      </c>
      <c r="D10" s="13" t="s">
        <v>13</v>
      </c>
      <c r="E10" s="13" t="s">
        <v>15</v>
      </c>
      <c r="F10" s="13" t="s">
        <v>16</v>
      </c>
      <c r="G10" s="13"/>
      <c r="H10" s="13" t="s">
        <v>17</v>
      </c>
      <c r="I10" s="29"/>
    </row>
    <row r="11" spans="1:9" ht="51" customHeight="1" x14ac:dyDescent="0.2">
      <c r="A11" s="2" t="s">
        <v>18</v>
      </c>
      <c r="B11" s="2" t="s">
        <v>19</v>
      </c>
      <c r="C11" s="30" t="s">
        <v>18</v>
      </c>
      <c r="D11" s="15" t="s">
        <v>19</v>
      </c>
      <c r="E11" s="13" t="s">
        <v>20</v>
      </c>
      <c r="F11" s="13" t="s">
        <v>21</v>
      </c>
      <c r="G11" s="13" t="s">
        <v>22</v>
      </c>
      <c r="H11" s="13"/>
      <c r="I11" s="29" t="s">
        <v>23</v>
      </c>
    </row>
    <row r="12" spans="1:9" x14ac:dyDescent="0.2">
      <c r="A12" s="2" t="s">
        <v>18</v>
      </c>
      <c r="B12" s="2" t="s">
        <v>19</v>
      </c>
      <c r="C12" s="31" t="s">
        <v>24</v>
      </c>
      <c r="D12" s="16" t="s">
        <v>24</v>
      </c>
      <c r="E12" s="13" t="s">
        <v>25</v>
      </c>
      <c r="F12" s="13" t="s">
        <v>26</v>
      </c>
      <c r="G12" s="13"/>
      <c r="H12" s="13" t="s">
        <v>17</v>
      </c>
      <c r="I12" s="29" t="s">
        <v>27</v>
      </c>
    </row>
    <row r="13" spans="1:9" x14ac:dyDescent="0.2">
      <c r="A13" s="2" t="s">
        <v>18</v>
      </c>
      <c r="B13" s="2" t="s">
        <v>19</v>
      </c>
      <c r="C13" s="31" t="s">
        <v>24</v>
      </c>
      <c r="D13" s="16" t="s">
        <v>24</v>
      </c>
      <c r="E13" s="13" t="s">
        <v>28</v>
      </c>
      <c r="F13" s="13" t="s">
        <v>26</v>
      </c>
      <c r="G13" s="13"/>
      <c r="H13" s="13" t="s">
        <v>17</v>
      </c>
      <c r="I13" s="29"/>
    </row>
    <row r="14" spans="1:9" ht="21.6" x14ac:dyDescent="0.2">
      <c r="A14" s="2" t="s">
        <v>29</v>
      </c>
      <c r="B14" s="2" t="s">
        <v>30</v>
      </c>
      <c r="C14" s="28" t="s">
        <v>31</v>
      </c>
      <c r="D14" s="13" t="s">
        <v>30</v>
      </c>
      <c r="E14" s="13" t="s">
        <v>30</v>
      </c>
      <c r="F14" s="13" t="s">
        <v>32</v>
      </c>
      <c r="G14" s="13" t="s">
        <v>33</v>
      </c>
      <c r="H14" s="13"/>
      <c r="I14" s="29" t="s">
        <v>34</v>
      </c>
    </row>
    <row r="15" spans="1:9" x14ac:dyDescent="0.2">
      <c r="A15" s="2" t="s">
        <v>35</v>
      </c>
      <c r="B15" s="2" t="s">
        <v>13</v>
      </c>
      <c r="C15" s="28" t="s">
        <v>36</v>
      </c>
      <c r="D15" s="13" t="s">
        <v>13</v>
      </c>
      <c r="E15" s="13" t="s">
        <v>15</v>
      </c>
      <c r="F15" s="13" t="s">
        <v>37</v>
      </c>
      <c r="G15" s="13"/>
      <c r="H15" s="13"/>
      <c r="I15" s="29" t="s">
        <v>38</v>
      </c>
    </row>
    <row r="16" spans="1:9" x14ac:dyDescent="0.2">
      <c r="A16" s="2" t="s">
        <v>39</v>
      </c>
      <c r="B16" s="2" t="s">
        <v>40</v>
      </c>
      <c r="C16" s="28" t="s">
        <v>39</v>
      </c>
      <c r="D16" s="13" t="s">
        <v>40</v>
      </c>
      <c r="E16" s="13" t="s">
        <v>41</v>
      </c>
      <c r="F16" s="13" t="s">
        <v>42</v>
      </c>
      <c r="G16" s="13"/>
      <c r="H16" s="13"/>
      <c r="I16" s="29" t="s">
        <v>43</v>
      </c>
    </row>
    <row r="17" spans="1:9" ht="32.4" x14ac:dyDescent="0.2">
      <c r="A17" s="2" t="s">
        <v>44</v>
      </c>
      <c r="B17" s="2" t="s">
        <v>45</v>
      </c>
      <c r="C17" s="30" t="s">
        <v>44</v>
      </c>
      <c r="D17" s="15" t="s">
        <v>45</v>
      </c>
      <c r="E17" s="13" t="s">
        <v>46</v>
      </c>
      <c r="F17" s="13" t="s">
        <v>21</v>
      </c>
      <c r="G17" s="13" t="s">
        <v>22</v>
      </c>
      <c r="H17" s="13"/>
      <c r="I17" s="29" t="s">
        <v>47</v>
      </c>
    </row>
    <row r="18" spans="1:9" x14ac:dyDescent="0.2">
      <c r="A18" s="2" t="s">
        <v>44</v>
      </c>
      <c r="B18" s="2" t="s">
        <v>45</v>
      </c>
      <c r="C18" s="31" t="s">
        <v>24</v>
      </c>
      <c r="D18" s="16" t="s">
        <v>24</v>
      </c>
      <c r="E18" s="13" t="s">
        <v>48</v>
      </c>
      <c r="F18" s="13" t="s">
        <v>21</v>
      </c>
      <c r="G18" s="13"/>
      <c r="H18" s="13" t="s">
        <v>49</v>
      </c>
      <c r="I18" s="29"/>
    </row>
    <row r="19" spans="1:9" ht="21.6" x14ac:dyDescent="0.2">
      <c r="A19" s="2" t="s">
        <v>50</v>
      </c>
      <c r="B19" s="2" t="s">
        <v>51</v>
      </c>
      <c r="C19" s="30" t="s">
        <v>50</v>
      </c>
      <c r="D19" s="13" t="s">
        <v>51</v>
      </c>
      <c r="E19" s="13" t="s">
        <v>20</v>
      </c>
      <c r="F19" s="13" t="s">
        <v>42</v>
      </c>
      <c r="G19" s="13"/>
      <c r="H19" s="13" t="s">
        <v>52</v>
      </c>
      <c r="I19" s="29" t="s">
        <v>53</v>
      </c>
    </row>
    <row r="20" spans="1:9" ht="36" customHeight="1" x14ac:dyDescent="0.2">
      <c r="A20" s="2" t="s">
        <v>50</v>
      </c>
      <c r="B20" s="2" t="s">
        <v>54</v>
      </c>
      <c r="C20" s="32" t="s">
        <v>24</v>
      </c>
      <c r="D20" s="13" t="s">
        <v>55</v>
      </c>
      <c r="E20" s="15" t="s">
        <v>56</v>
      </c>
      <c r="F20" s="13" t="s">
        <v>16</v>
      </c>
      <c r="G20" s="13"/>
      <c r="H20" s="13" t="s">
        <v>57</v>
      </c>
      <c r="I20" s="29" t="s">
        <v>58</v>
      </c>
    </row>
    <row r="21" spans="1:9" ht="21.6" x14ac:dyDescent="0.2">
      <c r="A21" s="2" t="s">
        <v>59</v>
      </c>
      <c r="B21" s="2" t="s">
        <v>60</v>
      </c>
      <c r="C21" s="30" t="s">
        <v>59</v>
      </c>
      <c r="D21" s="18" t="s">
        <v>60</v>
      </c>
      <c r="E21" s="13"/>
      <c r="F21" s="14" t="s">
        <v>21</v>
      </c>
      <c r="G21" s="13" t="s">
        <v>61</v>
      </c>
      <c r="H21" s="13"/>
      <c r="I21" s="29" t="s">
        <v>62</v>
      </c>
    </row>
    <row r="22" spans="1:9" ht="40.950000000000003" customHeight="1" x14ac:dyDescent="0.2">
      <c r="A22" s="2" t="s">
        <v>59</v>
      </c>
      <c r="B22" s="2" t="s">
        <v>63</v>
      </c>
      <c r="C22" s="32" t="s">
        <v>24</v>
      </c>
      <c r="D22" s="13" t="s">
        <v>63</v>
      </c>
      <c r="E22" s="13" t="s">
        <v>63</v>
      </c>
      <c r="F22" s="13" t="s">
        <v>64</v>
      </c>
      <c r="G22" s="13" t="s">
        <v>61</v>
      </c>
      <c r="H22" s="13"/>
      <c r="I22" s="29" t="s">
        <v>65</v>
      </c>
    </row>
    <row r="23" spans="1:9" ht="21.6" x14ac:dyDescent="0.2">
      <c r="A23" s="2" t="s">
        <v>66</v>
      </c>
      <c r="B23" s="2" t="s">
        <v>67</v>
      </c>
      <c r="C23" s="28" t="s">
        <v>68</v>
      </c>
      <c r="D23" s="13" t="s">
        <v>69</v>
      </c>
      <c r="E23" s="13" t="s">
        <v>70</v>
      </c>
      <c r="F23" s="13" t="s">
        <v>21</v>
      </c>
      <c r="G23" s="13" t="s">
        <v>71</v>
      </c>
      <c r="H23" s="13"/>
      <c r="I23" s="29" t="s">
        <v>72</v>
      </c>
    </row>
    <row r="24" spans="1:9" ht="21.6" x14ac:dyDescent="0.2">
      <c r="A24" s="2" t="s">
        <v>73</v>
      </c>
      <c r="B24" s="2" t="s">
        <v>74</v>
      </c>
      <c r="C24" s="30" t="s">
        <v>73</v>
      </c>
      <c r="D24" s="15" t="s">
        <v>74</v>
      </c>
      <c r="E24" s="13" t="s">
        <v>75</v>
      </c>
      <c r="F24" s="13" t="s">
        <v>76</v>
      </c>
      <c r="G24" s="13"/>
      <c r="H24" s="13"/>
      <c r="I24" s="29" t="s">
        <v>77</v>
      </c>
    </row>
    <row r="25" spans="1:9" ht="21.6" x14ac:dyDescent="0.2">
      <c r="A25" s="2" t="s">
        <v>73</v>
      </c>
      <c r="B25" s="2" t="s">
        <v>74</v>
      </c>
      <c r="C25" s="31" t="s">
        <v>24</v>
      </c>
      <c r="D25" s="16" t="s">
        <v>24</v>
      </c>
      <c r="E25" s="13" t="s">
        <v>78</v>
      </c>
      <c r="F25" s="13" t="s">
        <v>42</v>
      </c>
      <c r="G25" s="13"/>
      <c r="H25" s="13"/>
      <c r="I25" s="29" t="s">
        <v>79</v>
      </c>
    </row>
    <row r="26" spans="1:9" ht="21.6" x14ac:dyDescent="0.2">
      <c r="A26" s="2" t="s">
        <v>73</v>
      </c>
      <c r="B26" s="2" t="s">
        <v>74</v>
      </c>
      <c r="C26" s="31" t="s">
        <v>24</v>
      </c>
      <c r="D26" s="16" t="s">
        <v>24</v>
      </c>
      <c r="E26" s="13" t="s">
        <v>80</v>
      </c>
      <c r="F26" s="13" t="s">
        <v>42</v>
      </c>
      <c r="G26" s="13" t="s">
        <v>81</v>
      </c>
      <c r="H26" s="13"/>
      <c r="I26" s="29" t="s">
        <v>82</v>
      </c>
    </row>
    <row r="27" spans="1:9" x14ac:dyDescent="0.2">
      <c r="A27" s="2" t="s">
        <v>73</v>
      </c>
      <c r="B27" s="2" t="s">
        <v>74</v>
      </c>
      <c r="C27" s="31" t="s">
        <v>24</v>
      </c>
      <c r="D27" s="16" t="s">
        <v>24</v>
      </c>
      <c r="E27" s="13" t="s">
        <v>83</v>
      </c>
      <c r="F27" s="13" t="s">
        <v>42</v>
      </c>
      <c r="G27" s="13"/>
      <c r="H27" s="13"/>
      <c r="I27" s="29" t="s">
        <v>84</v>
      </c>
    </row>
    <row r="28" spans="1:9" ht="21.6" x14ac:dyDescent="0.2">
      <c r="A28" s="2" t="s">
        <v>73</v>
      </c>
      <c r="B28" s="2" t="s">
        <v>55</v>
      </c>
      <c r="C28" s="32" t="s">
        <v>24</v>
      </c>
      <c r="D28" s="13" t="s">
        <v>55</v>
      </c>
      <c r="E28" s="13" t="s">
        <v>55</v>
      </c>
      <c r="F28" s="13" t="s">
        <v>42</v>
      </c>
      <c r="G28" s="13"/>
      <c r="H28" s="13"/>
      <c r="I28" s="29" t="s">
        <v>85</v>
      </c>
    </row>
    <row r="29" spans="1:9" ht="21.6" x14ac:dyDescent="0.2">
      <c r="A29" s="2" t="s">
        <v>86</v>
      </c>
      <c r="B29" s="2" t="s">
        <v>87</v>
      </c>
      <c r="C29" s="28" t="s">
        <v>88</v>
      </c>
      <c r="D29" s="13" t="s">
        <v>89</v>
      </c>
      <c r="E29" s="13" t="s">
        <v>15</v>
      </c>
      <c r="F29" s="13" t="s">
        <v>32</v>
      </c>
      <c r="G29" s="13"/>
      <c r="H29" s="13" t="s">
        <v>57</v>
      </c>
      <c r="I29" s="29"/>
    </row>
    <row r="30" spans="1:9" ht="29.4" customHeight="1" x14ac:dyDescent="0.2">
      <c r="A30" s="2" t="s">
        <v>90</v>
      </c>
      <c r="B30" s="2" t="s">
        <v>67</v>
      </c>
      <c r="C30" s="30" t="s">
        <v>91</v>
      </c>
      <c r="D30" s="13" t="s">
        <v>69</v>
      </c>
      <c r="E30" s="13" t="s">
        <v>92</v>
      </c>
      <c r="F30" s="13" t="s">
        <v>32</v>
      </c>
      <c r="G30" s="13" t="s">
        <v>22</v>
      </c>
      <c r="H30" s="13"/>
      <c r="I30" s="29" t="s">
        <v>93</v>
      </c>
    </row>
    <row r="31" spans="1:9" ht="32.4" x14ac:dyDescent="0.2">
      <c r="A31" s="2" t="s">
        <v>90</v>
      </c>
      <c r="B31" s="2" t="s">
        <v>94</v>
      </c>
      <c r="C31" s="32" t="s">
        <v>24</v>
      </c>
      <c r="D31" s="13" t="s">
        <v>95</v>
      </c>
      <c r="E31" s="13" t="s">
        <v>95</v>
      </c>
      <c r="F31" s="13" t="s">
        <v>32</v>
      </c>
      <c r="G31" s="13" t="s">
        <v>22</v>
      </c>
      <c r="H31" s="13"/>
      <c r="I31" s="29" t="s">
        <v>96</v>
      </c>
    </row>
    <row r="32" spans="1:9" ht="21.6" x14ac:dyDescent="0.2">
      <c r="A32" s="2" t="s">
        <v>97</v>
      </c>
      <c r="B32" s="2" t="s">
        <v>98</v>
      </c>
      <c r="C32" s="28" t="s">
        <v>99</v>
      </c>
      <c r="D32" s="13" t="s">
        <v>100</v>
      </c>
      <c r="E32" s="13" t="s">
        <v>100</v>
      </c>
      <c r="F32" s="13" t="s">
        <v>32</v>
      </c>
      <c r="G32" s="13"/>
      <c r="H32" s="13"/>
      <c r="I32" s="29" t="s">
        <v>101</v>
      </c>
    </row>
    <row r="33" spans="1:9" ht="63" customHeight="1" x14ac:dyDescent="0.2">
      <c r="A33" s="2" t="s">
        <v>102</v>
      </c>
      <c r="B33" s="2" t="s">
        <v>103</v>
      </c>
      <c r="C33" s="30" t="s">
        <v>102</v>
      </c>
      <c r="D33" s="15" t="s">
        <v>104</v>
      </c>
      <c r="E33" s="13" t="s">
        <v>105</v>
      </c>
      <c r="F33" s="13" t="s">
        <v>21</v>
      </c>
      <c r="G33" s="13"/>
      <c r="H33" s="13" t="s">
        <v>49</v>
      </c>
      <c r="I33" s="29"/>
    </row>
    <row r="34" spans="1:9" ht="15" customHeight="1" x14ac:dyDescent="0.2">
      <c r="A34" s="2" t="s">
        <v>102</v>
      </c>
      <c r="B34" s="2" t="s">
        <v>103</v>
      </c>
      <c r="C34" s="31" t="s">
        <v>24</v>
      </c>
      <c r="D34" s="16" t="s">
        <v>24</v>
      </c>
      <c r="E34" s="13" t="s">
        <v>106</v>
      </c>
      <c r="F34" s="13" t="s">
        <v>42</v>
      </c>
      <c r="G34" s="13"/>
      <c r="H34" s="13" t="s">
        <v>49</v>
      </c>
      <c r="I34" s="29"/>
    </row>
    <row r="35" spans="1:9" ht="21.6" x14ac:dyDescent="0.2">
      <c r="A35" s="2" t="s">
        <v>107</v>
      </c>
      <c r="B35" s="2" t="s">
        <v>108</v>
      </c>
      <c r="C35" s="28" t="s">
        <v>107</v>
      </c>
      <c r="D35" s="13" t="s">
        <v>108</v>
      </c>
      <c r="E35" s="13" t="s">
        <v>108</v>
      </c>
      <c r="F35" s="13" t="s">
        <v>109</v>
      </c>
      <c r="G35" s="13" t="s">
        <v>61</v>
      </c>
      <c r="H35" s="13"/>
      <c r="I35" s="29" t="s">
        <v>110</v>
      </c>
    </row>
    <row r="36" spans="1:9" ht="21.6" x14ac:dyDescent="0.2">
      <c r="A36" s="2" t="s">
        <v>111</v>
      </c>
      <c r="B36" s="2" t="s">
        <v>51</v>
      </c>
      <c r="C36" s="30" t="s">
        <v>111</v>
      </c>
      <c r="D36" s="13" t="s">
        <v>51</v>
      </c>
      <c r="E36" s="13" t="s">
        <v>112</v>
      </c>
      <c r="F36" s="13" t="s">
        <v>42</v>
      </c>
      <c r="G36" s="13"/>
      <c r="H36" s="13" t="s">
        <v>113</v>
      </c>
      <c r="I36" s="29" t="s">
        <v>114</v>
      </c>
    </row>
    <row r="37" spans="1:9" x14ac:dyDescent="0.2">
      <c r="A37" s="2" t="s">
        <v>111</v>
      </c>
      <c r="B37" s="2" t="s">
        <v>69</v>
      </c>
      <c r="C37" s="32" t="s">
        <v>24</v>
      </c>
      <c r="D37" s="15" t="s">
        <v>69</v>
      </c>
      <c r="E37" s="13" t="s">
        <v>115</v>
      </c>
      <c r="F37" s="13" t="s">
        <v>21</v>
      </c>
      <c r="G37" s="13"/>
      <c r="H37" s="13" t="s">
        <v>57</v>
      </c>
      <c r="I37" s="29" t="s">
        <v>116</v>
      </c>
    </row>
    <row r="38" spans="1:9" ht="21.6" x14ac:dyDescent="0.2">
      <c r="A38" s="2" t="s">
        <v>111</v>
      </c>
      <c r="B38" s="2" t="s">
        <v>69</v>
      </c>
      <c r="C38" s="31" t="s">
        <v>24</v>
      </c>
      <c r="D38" s="16" t="s">
        <v>24</v>
      </c>
      <c r="E38" s="13" t="s">
        <v>117</v>
      </c>
      <c r="F38" s="13" t="s">
        <v>21</v>
      </c>
      <c r="G38" s="13"/>
      <c r="H38" s="13" t="s">
        <v>57</v>
      </c>
      <c r="I38" s="29" t="s">
        <v>118</v>
      </c>
    </row>
    <row r="39" spans="1:9" x14ac:dyDescent="0.2">
      <c r="A39" s="2" t="s">
        <v>119</v>
      </c>
      <c r="B39" s="2" t="s">
        <v>120</v>
      </c>
      <c r="C39" s="30" t="s">
        <v>119</v>
      </c>
      <c r="D39" s="13" t="s">
        <v>120</v>
      </c>
      <c r="E39" s="15" t="s">
        <v>121</v>
      </c>
      <c r="F39" s="13" t="s">
        <v>42</v>
      </c>
      <c r="G39" s="13"/>
      <c r="H39" s="13"/>
      <c r="I39" s="29" t="s">
        <v>122</v>
      </c>
    </row>
    <row r="40" spans="1:9" x14ac:dyDescent="0.2">
      <c r="A40" s="2" t="s">
        <v>119</v>
      </c>
      <c r="B40" s="2" t="s">
        <v>123</v>
      </c>
      <c r="C40" s="32" t="s">
        <v>24</v>
      </c>
      <c r="D40" s="18" t="s">
        <v>123</v>
      </c>
      <c r="E40" s="13"/>
      <c r="F40" s="14" t="s">
        <v>21</v>
      </c>
      <c r="G40" s="13" t="s">
        <v>124</v>
      </c>
      <c r="H40" s="13"/>
      <c r="I40" s="29" t="s">
        <v>125</v>
      </c>
    </row>
    <row r="41" spans="1:9" ht="21.6" x14ac:dyDescent="0.2">
      <c r="A41" s="2" t="s">
        <v>126</v>
      </c>
      <c r="B41" s="2" t="s">
        <v>127</v>
      </c>
      <c r="C41" s="30" t="s">
        <v>128</v>
      </c>
      <c r="D41" s="15" t="s">
        <v>129</v>
      </c>
      <c r="E41" s="13" t="s">
        <v>130</v>
      </c>
      <c r="F41" s="13" t="s">
        <v>32</v>
      </c>
      <c r="G41" s="13" t="s">
        <v>22</v>
      </c>
      <c r="H41" s="13"/>
      <c r="I41" s="29" t="s">
        <v>131</v>
      </c>
    </row>
    <row r="42" spans="1:9" ht="21.6" x14ac:dyDescent="0.2">
      <c r="A42" s="2" t="s">
        <v>126</v>
      </c>
      <c r="B42" s="2" t="s">
        <v>127</v>
      </c>
      <c r="C42" s="31" t="s">
        <v>24</v>
      </c>
      <c r="D42" s="16" t="s">
        <v>24</v>
      </c>
      <c r="E42" s="13" t="s">
        <v>132</v>
      </c>
      <c r="F42" s="13" t="s">
        <v>32</v>
      </c>
      <c r="G42" s="13" t="s">
        <v>22</v>
      </c>
      <c r="H42" s="13"/>
      <c r="I42" s="29" t="s">
        <v>133</v>
      </c>
    </row>
    <row r="43" spans="1:9" ht="21.6" x14ac:dyDescent="0.2">
      <c r="A43" s="2" t="s">
        <v>134</v>
      </c>
      <c r="B43" s="2" t="s">
        <v>135</v>
      </c>
      <c r="C43" s="30" t="s">
        <v>134</v>
      </c>
      <c r="D43" s="13" t="s">
        <v>136</v>
      </c>
      <c r="E43" s="13" t="s">
        <v>137</v>
      </c>
      <c r="F43" s="13" t="s">
        <v>32</v>
      </c>
      <c r="G43" s="13"/>
      <c r="H43" s="13"/>
      <c r="I43" s="29" t="s">
        <v>138</v>
      </c>
    </row>
    <row r="44" spans="1:9" ht="21.6" x14ac:dyDescent="0.2">
      <c r="A44" s="2" t="s">
        <v>134</v>
      </c>
      <c r="B44" s="2" t="s">
        <v>139</v>
      </c>
      <c r="C44" s="32" t="s">
        <v>24</v>
      </c>
      <c r="D44" s="13" t="s">
        <v>140</v>
      </c>
      <c r="E44" s="13" t="s">
        <v>140</v>
      </c>
      <c r="F44" s="13" t="s">
        <v>32</v>
      </c>
      <c r="G44" s="13"/>
      <c r="H44" s="13"/>
      <c r="I44" s="29" t="s">
        <v>141</v>
      </c>
    </row>
    <row r="45" spans="1:9" x14ac:dyDescent="0.2">
      <c r="A45" s="2" t="s">
        <v>134</v>
      </c>
      <c r="B45" s="2" t="s">
        <v>142</v>
      </c>
      <c r="C45" s="32" t="s">
        <v>24</v>
      </c>
      <c r="D45" s="13" t="s">
        <v>143</v>
      </c>
      <c r="E45" s="13" t="s">
        <v>144</v>
      </c>
      <c r="F45" s="13" t="s">
        <v>145</v>
      </c>
      <c r="G45" s="13"/>
      <c r="H45" s="13"/>
      <c r="I45" s="29" t="s">
        <v>146</v>
      </c>
    </row>
    <row r="46" spans="1:9" ht="21.6" x14ac:dyDescent="0.2">
      <c r="A46" s="2" t="s">
        <v>134</v>
      </c>
      <c r="B46" s="2" t="s">
        <v>147</v>
      </c>
      <c r="C46" s="32" t="s">
        <v>24</v>
      </c>
      <c r="D46" s="13" t="s">
        <v>148</v>
      </c>
      <c r="E46" s="13" t="s">
        <v>149</v>
      </c>
      <c r="F46" s="13" t="s">
        <v>32</v>
      </c>
      <c r="G46" s="13"/>
      <c r="H46" s="13"/>
      <c r="I46" s="29" t="s">
        <v>150</v>
      </c>
    </row>
    <row r="47" spans="1:9" ht="21.6" x14ac:dyDescent="0.2">
      <c r="A47" s="2" t="s">
        <v>151</v>
      </c>
      <c r="B47" s="2" t="s">
        <v>152</v>
      </c>
      <c r="C47" s="30" t="s">
        <v>151</v>
      </c>
      <c r="D47" s="13" t="s">
        <v>153</v>
      </c>
      <c r="E47" s="13" t="s">
        <v>154</v>
      </c>
      <c r="F47" s="13" t="s">
        <v>21</v>
      </c>
      <c r="G47" s="13"/>
      <c r="H47" s="13"/>
      <c r="I47" s="29" t="s">
        <v>155</v>
      </c>
    </row>
    <row r="48" spans="1:9" x14ac:dyDescent="0.2">
      <c r="A48" s="2" t="s">
        <v>151</v>
      </c>
      <c r="B48" s="2" t="s">
        <v>55</v>
      </c>
      <c r="C48" s="32" t="s">
        <v>24</v>
      </c>
      <c r="D48" s="13" t="s">
        <v>55</v>
      </c>
      <c r="E48" s="13" t="s">
        <v>55</v>
      </c>
      <c r="F48" s="13" t="s">
        <v>21</v>
      </c>
      <c r="G48" s="13"/>
      <c r="H48" s="13"/>
      <c r="I48" s="29" t="s">
        <v>156</v>
      </c>
    </row>
    <row r="49" spans="1:9" ht="52.95" customHeight="1" x14ac:dyDescent="0.2">
      <c r="A49" s="2" t="s">
        <v>151</v>
      </c>
      <c r="B49" s="2" t="s">
        <v>157</v>
      </c>
      <c r="C49" s="32" t="s">
        <v>24</v>
      </c>
      <c r="D49" s="13" t="s">
        <v>157</v>
      </c>
      <c r="E49" s="13" t="s">
        <v>157</v>
      </c>
      <c r="F49" s="13" t="s">
        <v>42</v>
      </c>
      <c r="G49" s="13"/>
      <c r="H49" s="13"/>
      <c r="I49" s="29" t="s">
        <v>158</v>
      </c>
    </row>
    <row r="50" spans="1:9" ht="21.6" x14ac:dyDescent="0.2">
      <c r="A50" s="2" t="s">
        <v>159</v>
      </c>
      <c r="B50" s="2" t="s">
        <v>40</v>
      </c>
      <c r="C50" s="30" t="s">
        <v>159</v>
      </c>
      <c r="D50" s="15" t="s">
        <v>40</v>
      </c>
      <c r="E50" s="13" t="s">
        <v>160</v>
      </c>
      <c r="F50" s="13" t="s">
        <v>21</v>
      </c>
      <c r="G50" s="13" t="s">
        <v>22</v>
      </c>
      <c r="H50" s="13"/>
      <c r="I50" s="29" t="s">
        <v>161</v>
      </c>
    </row>
    <row r="51" spans="1:9" ht="21.6" x14ac:dyDescent="0.2">
      <c r="A51" s="2" t="s">
        <v>159</v>
      </c>
      <c r="B51" s="2" t="s">
        <v>40</v>
      </c>
      <c r="C51" s="33" t="s">
        <v>24</v>
      </c>
      <c r="D51" s="22" t="s">
        <v>24</v>
      </c>
      <c r="E51" s="13" t="s">
        <v>162</v>
      </c>
      <c r="F51" s="13" t="s">
        <v>21</v>
      </c>
      <c r="G51" s="13" t="s">
        <v>22</v>
      </c>
      <c r="H51" s="13"/>
      <c r="I51" s="29" t="s">
        <v>163</v>
      </c>
    </row>
    <row r="52" spans="1:9" x14ac:dyDescent="0.2">
      <c r="A52" s="2" t="s">
        <v>164</v>
      </c>
      <c r="B52" s="2" t="s">
        <v>165</v>
      </c>
      <c r="C52" s="30" t="s">
        <v>164</v>
      </c>
      <c r="D52" s="13" t="s">
        <v>166</v>
      </c>
      <c r="E52" s="13" t="s">
        <v>166</v>
      </c>
      <c r="F52" s="13" t="s">
        <v>145</v>
      </c>
      <c r="G52" s="13"/>
      <c r="H52" s="13"/>
      <c r="I52" s="29" t="s">
        <v>167</v>
      </c>
    </row>
    <row r="53" spans="1:9" ht="18" customHeight="1" x14ac:dyDescent="0.2">
      <c r="A53" s="2" t="s">
        <v>164</v>
      </c>
      <c r="B53" s="2" t="s">
        <v>95</v>
      </c>
      <c r="C53" s="32" t="s">
        <v>24</v>
      </c>
      <c r="D53" s="13" t="s">
        <v>95</v>
      </c>
      <c r="E53" s="13" t="s">
        <v>168</v>
      </c>
      <c r="F53" s="13" t="s">
        <v>21</v>
      </c>
      <c r="G53" s="13" t="s">
        <v>169</v>
      </c>
      <c r="H53" s="13"/>
      <c r="I53" s="29" t="s">
        <v>170</v>
      </c>
    </row>
    <row r="54" spans="1:9" ht="21.6" x14ac:dyDescent="0.2">
      <c r="A54" s="2" t="s">
        <v>164</v>
      </c>
      <c r="B54" s="2" t="s">
        <v>143</v>
      </c>
      <c r="C54" s="32" t="s">
        <v>24</v>
      </c>
      <c r="D54" s="13" t="s">
        <v>143</v>
      </c>
      <c r="E54" s="13" t="s">
        <v>171</v>
      </c>
      <c r="F54" s="13" t="s">
        <v>21</v>
      </c>
      <c r="G54" s="13" t="s">
        <v>22</v>
      </c>
      <c r="H54" s="13"/>
      <c r="I54" s="29" t="s">
        <v>172</v>
      </c>
    </row>
    <row r="55" spans="1:9" x14ac:dyDescent="0.2">
      <c r="A55" s="2" t="s">
        <v>173</v>
      </c>
      <c r="B55" s="2" t="s">
        <v>40</v>
      </c>
      <c r="C55" s="30" t="s">
        <v>173</v>
      </c>
      <c r="D55" s="15" t="s">
        <v>40</v>
      </c>
      <c r="E55" s="13" t="s">
        <v>174</v>
      </c>
      <c r="F55" s="13" t="s">
        <v>42</v>
      </c>
      <c r="G55" s="13"/>
      <c r="H55" s="13"/>
      <c r="I55" s="29" t="s">
        <v>175</v>
      </c>
    </row>
    <row r="56" spans="1:9" ht="21.6" x14ac:dyDescent="0.2">
      <c r="A56" s="2" t="s">
        <v>173</v>
      </c>
      <c r="B56" s="2" t="s">
        <v>40</v>
      </c>
      <c r="C56" s="31" t="s">
        <v>24</v>
      </c>
      <c r="D56" s="16" t="s">
        <v>24</v>
      </c>
      <c r="E56" s="13" t="s">
        <v>176</v>
      </c>
      <c r="F56" s="13" t="s">
        <v>42</v>
      </c>
      <c r="G56" s="13"/>
      <c r="H56" s="13"/>
      <c r="I56" s="29" t="s">
        <v>177</v>
      </c>
    </row>
    <row r="57" spans="1:9" ht="21.6" x14ac:dyDescent="0.2">
      <c r="A57" s="2" t="s">
        <v>173</v>
      </c>
      <c r="B57" s="2" t="s">
        <v>178</v>
      </c>
      <c r="C57" s="32" t="s">
        <v>24</v>
      </c>
      <c r="D57" s="13" t="s">
        <v>178</v>
      </c>
      <c r="E57" s="13" t="s">
        <v>178</v>
      </c>
      <c r="F57" s="13" t="s">
        <v>42</v>
      </c>
      <c r="G57" s="13" t="s">
        <v>179</v>
      </c>
      <c r="H57" s="13"/>
      <c r="I57" s="29" t="s">
        <v>180</v>
      </c>
    </row>
    <row r="58" spans="1:9" ht="32.4" x14ac:dyDescent="0.2">
      <c r="A58" s="2" t="s">
        <v>173</v>
      </c>
      <c r="B58" s="2" t="s">
        <v>95</v>
      </c>
      <c r="C58" s="32" t="s">
        <v>24</v>
      </c>
      <c r="D58" s="13" t="s">
        <v>95</v>
      </c>
      <c r="E58" s="13" t="s">
        <v>121</v>
      </c>
      <c r="F58" s="13" t="s">
        <v>42</v>
      </c>
      <c r="G58" s="13" t="s">
        <v>181</v>
      </c>
      <c r="H58" s="13"/>
      <c r="I58" s="29" t="s">
        <v>182</v>
      </c>
    </row>
    <row r="59" spans="1:9" ht="21.6" x14ac:dyDescent="0.2">
      <c r="A59" s="2" t="s">
        <v>183</v>
      </c>
      <c r="B59" s="2" t="s">
        <v>184</v>
      </c>
      <c r="C59" s="28" t="s">
        <v>183</v>
      </c>
      <c r="D59" s="13" t="s">
        <v>184</v>
      </c>
      <c r="E59" s="13" t="s">
        <v>41</v>
      </c>
      <c r="F59" s="13" t="s">
        <v>42</v>
      </c>
      <c r="G59" s="13"/>
      <c r="H59" s="13"/>
      <c r="I59" s="29" t="s">
        <v>185</v>
      </c>
    </row>
    <row r="60" spans="1:9" x14ac:dyDescent="0.2">
      <c r="A60" s="2" t="s">
        <v>186</v>
      </c>
      <c r="B60" s="2" t="s">
        <v>187</v>
      </c>
      <c r="C60" s="28" t="s">
        <v>188</v>
      </c>
      <c r="D60" s="13" t="s">
        <v>189</v>
      </c>
      <c r="E60" s="13" t="s">
        <v>189</v>
      </c>
      <c r="F60" s="13" t="s">
        <v>26</v>
      </c>
      <c r="G60" s="13"/>
      <c r="H60" s="13"/>
      <c r="I60" s="29" t="s">
        <v>190</v>
      </c>
    </row>
    <row r="61" spans="1:9" x14ac:dyDescent="0.2">
      <c r="A61" s="2" t="s">
        <v>191</v>
      </c>
      <c r="B61" s="2" t="s">
        <v>54</v>
      </c>
      <c r="C61" s="28" t="s">
        <v>192</v>
      </c>
      <c r="D61" s="13" t="s">
        <v>55</v>
      </c>
      <c r="E61" s="13" t="s">
        <v>55</v>
      </c>
      <c r="F61" s="13" t="s">
        <v>145</v>
      </c>
      <c r="G61" s="13"/>
      <c r="H61" s="13"/>
      <c r="I61" s="29" t="s">
        <v>193</v>
      </c>
    </row>
    <row r="62" spans="1:9" ht="21.6" x14ac:dyDescent="0.2">
      <c r="A62" s="2" t="s">
        <v>194</v>
      </c>
      <c r="B62" s="2" t="s">
        <v>69</v>
      </c>
      <c r="C62" s="30" t="s">
        <v>194</v>
      </c>
      <c r="D62" s="15" t="s">
        <v>69</v>
      </c>
      <c r="E62" s="13" t="s">
        <v>195</v>
      </c>
      <c r="F62" s="13" t="s">
        <v>21</v>
      </c>
      <c r="G62" s="13"/>
      <c r="H62" s="13"/>
      <c r="I62" s="29" t="s">
        <v>196</v>
      </c>
    </row>
    <row r="63" spans="1:9" ht="32.4" x14ac:dyDescent="0.2">
      <c r="A63" s="2" t="s">
        <v>194</v>
      </c>
      <c r="B63" s="2" t="s">
        <v>69</v>
      </c>
      <c r="C63" s="31" t="s">
        <v>24</v>
      </c>
      <c r="D63" s="16" t="s">
        <v>24</v>
      </c>
      <c r="E63" s="13" t="s">
        <v>197</v>
      </c>
      <c r="F63" s="13" t="s">
        <v>21</v>
      </c>
      <c r="G63" s="13"/>
      <c r="H63" s="13"/>
      <c r="I63" s="29" t="s">
        <v>198</v>
      </c>
    </row>
    <row r="64" spans="1:9" ht="21.6" x14ac:dyDescent="0.2">
      <c r="A64" s="2" t="s">
        <v>194</v>
      </c>
      <c r="B64" s="2" t="s">
        <v>69</v>
      </c>
      <c r="C64" s="31" t="s">
        <v>24</v>
      </c>
      <c r="D64" s="16" t="s">
        <v>24</v>
      </c>
      <c r="E64" s="13" t="s">
        <v>199</v>
      </c>
      <c r="F64" s="13" t="s">
        <v>21</v>
      </c>
      <c r="G64" s="13"/>
      <c r="H64" s="13"/>
      <c r="I64" s="29" t="s">
        <v>200</v>
      </c>
    </row>
    <row r="65" spans="1:9" ht="21.6" x14ac:dyDescent="0.2">
      <c r="A65" s="2" t="s">
        <v>194</v>
      </c>
      <c r="B65" s="2" t="s">
        <v>69</v>
      </c>
      <c r="C65" s="31" t="s">
        <v>24</v>
      </c>
      <c r="D65" s="16" t="s">
        <v>24</v>
      </c>
      <c r="E65" s="13" t="s">
        <v>201</v>
      </c>
      <c r="F65" s="13" t="s">
        <v>21</v>
      </c>
      <c r="G65" s="13"/>
      <c r="H65" s="13"/>
      <c r="I65" s="29" t="s">
        <v>202</v>
      </c>
    </row>
    <row r="66" spans="1:9" x14ac:dyDescent="0.2">
      <c r="A66" s="2" t="s">
        <v>194</v>
      </c>
      <c r="B66" s="2" t="s">
        <v>69</v>
      </c>
      <c r="C66" s="31" t="s">
        <v>24</v>
      </c>
      <c r="D66" s="16" t="s">
        <v>24</v>
      </c>
      <c r="E66" s="13" t="s">
        <v>203</v>
      </c>
      <c r="F66" s="13" t="s">
        <v>21</v>
      </c>
      <c r="G66" s="13"/>
      <c r="H66" s="13"/>
      <c r="I66" s="29" t="s">
        <v>204</v>
      </c>
    </row>
    <row r="67" spans="1:9" x14ac:dyDescent="0.2">
      <c r="A67" s="2" t="s">
        <v>194</v>
      </c>
      <c r="B67" s="2" t="s">
        <v>69</v>
      </c>
      <c r="C67" s="31" t="s">
        <v>24</v>
      </c>
      <c r="D67" s="16" t="s">
        <v>24</v>
      </c>
      <c r="E67" s="13" t="s">
        <v>205</v>
      </c>
      <c r="F67" s="13" t="s">
        <v>21</v>
      </c>
      <c r="G67" s="13"/>
      <c r="H67" s="13"/>
      <c r="I67" s="29" t="s">
        <v>206</v>
      </c>
    </row>
    <row r="68" spans="1:9" x14ac:dyDescent="0.2">
      <c r="A68" s="2" t="s">
        <v>194</v>
      </c>
      <c r="B68" s="2" t="s">
        <v>69</v>
      </c>
      <c r="C68" s="31" t="s">
        <v>24</v>
      </c>
      <c r="D68" s="16" t="s">
        <v>24</v>
      </c>
      <c r="E68" s="13" t="s">
        <v>207</v>
      </c>
      <c r="F68" s="13" t="s">
        <v>21</v>
      </c>
      <c r="G68" s="13"/>
      <c r="H68" s="13"/>
      <c r="I68" s="29" t="s">
        <v>208</v>
      </c>
    </row>
    <row r="69" spans="1:9" x14ac:dyDescent="0.2">
      <c r="A69" s="2" t="s">
        <v>194</v>
      </c>
      <c r="B69" s="2" t="s">
        <v>69</v>
      </c>
      <c r="C69" s="31" t="s">
        <v>24</v>
      </c>
      <c r="D69" s="16" t="s">
        <v>24</v>
      </c>
      <c r="E69" s="13" t="s">
        <v>209</v>
      </c>
      <c r="F69" s="13" t="s">
        <v>21</v>
      </c>
      <c r="G69" s="13"/>
      <c r="H69" s="13"/>
      <c r="I69" s="29" t="s">
        <v>210</v>
      </c>
    </row>
    <row r="70" spans="1:9" ht="21.6" x14ac:dyDescent="0.2">
      <c r="A70" s="2" t="s">
        <v>194</v>
      </c>
      <c r="B70" s="2" t="s">
        <v>69</v>
      </c>
      <c r="C70" s="31" t="s">
        <v>24</v>
      </c>
      <c r="D70" s="16" t="s">
        <v>24</v>
      </c>
      <c r="E70" s="13" t="s">
        <v>211</v>
      </c>
      <c r="F70" s="13" t="s">
        <v>21</v>
      </c>
      <c r="G70" s="13"/>
      <c r="H70" s="13"/>
      <c r="I70" s="29" t="s">
        <v>212</v>
      </c>
    </row>
    <row r="71" spans="1:9" ht="21.6" x14ac:dyDescent="0.2">
      <c r="A71" s="2" t="s">
        <v>194</v>
      </c>
      <c r="B71" s="2" t="s">
        <v>69</v>
      </c>
      <c r="C71" s="31" t="s">
        <v>24</v>
      </c>
      <c r="D71" s="16" t="s">
        <v>24</v>
      </c>
      <c r="E71" s="13" t="s">
        <v>213</v>
      </c>
      <c r="F71" s="13" t="s">
        <v>21</v>
      </c>
      <c r="G71" s="13"/>
      <c r="H71" s="13"/>
      <c r="I71" s="29" t="s">
        <v>214</v>
      </c>
    </row>
    <row r="72" spans="1:9" ht="21.6" x14ac:dyDescent="0.2">
      <c r="A72" s="2" t="s">
        <v>194</v>
      </c>
      <c r="B72" s="2" t="s">
        <v>69</v>
      </c>
      <c r="C72" s="31" t="s">
        <v>24</v>
      </c>
      <c r="D72" s="16" t="s">
        <v>24</v>
      </c>
      <c r="E72" s="13" t="s">
        <v>215</v>
      </c>
      <c r="F72" s="13" t="s">
        <v>21</v>
      </c>
      <c r="G72" s="13"/>
      <c r="H72" s="13"/>
      <c r="I72" s="29" t="s">
        <v>216</v>
      </c>
    </row>
    <row r="73" spans="1:9" x14ac:dyDescent="0.2">
      <c r="A73" s="2" t="s">
        <v>194</v>
      </c>
      <c r="B73" s="2" t="s">
        <v>69</v>
      </c>
      <c r="C73" s="31" t="s">
        <v>24</v>
      </c>
      <c r="D73" s="16" t="s">
        <v>24</v>
      </c>
      <c r="E73" s="13" t="s">
        <v>217</v>
      </c>
      <c r="F73" s="13" t="s">
        <v>21</v>
      </c>
      <c r="G73" s="13"/>
      <c r="H73" s="13"/>
      <c r="I73" s="29" t="s">
        <v>218</v>
      </c>
    </row>
    <row r="74" spans="1:9" x14ac:dyDescent="0.2">
      <c r="A74" s="2" t="s">
        <v>219</v>
      </c>
      <c r="B74" s="2" t="s">
        <v>220</v>
      </c>
      <c r="C74" s="28" t="s">
        <v>219</v>
      </c>
      <c r="D74" s="13" t="s">
        <v>220</v>
      </c>
      <c r="E74" s="13" t="s">
        <v>221</v>
      </c>
      <c r="F74" s="13" t="s">
        <v>21</v>
      </c>
      <c r="G74" s="13"/>
      <c r="H74" s="13"/>
      <c r="I74" s="29" t="s">
        <v>222</v>
      </c>
    </row>
    <row r="75" spans="1:9" ht="27.6" customHeight="1" x14ac:dyDescent="0.2">
      <c r="A75" s="2" t="s">
        <v>223</v>
      </c>
      <c r="B75" s="2" t="s">
        <v>224</v>
      </c>
      <c r="C75" s="28" t="s">
        <v>225</v>
      </c>
      <c r="D75" s="13" t="s">
        <v>224</v>
      </c>
      <c r="E75" s="13" t="s">
        <v>224</v>
      </c>
      <c r="F75" s="13" t="s">
        <v>16</v>
      </c>
      <c r="G75" s="13" t="s">
        <v>169</v>
      </c>
      <c r="H75" s="13"/>
      <c r="I75" s="29" t="s">
        <v>226</v>
      </c>
    </row>
    <row r="76" spans="1:9" ht="28.2" customHeight="1" x14ac:dyDescent="0.2">
      <c r="A76" s="2" t="s">
        <v>227</v>
      </c>
      <c r="B76" s="2" t="s">
        <v>13</v>
      </c>
      <c r="C76" s="28" t="s">
        <v>227</v>
      </c>
      <c r="D76" s="13" t="s">
        <v>13</v>
      </c>
      <c r="E76" s="13" t="s">
        <v>15</v>
      </c>
      <c r="F76" s="13" t="s">
        <v>21</v>
      </c>
      <c r="G76" s="13" t="s">
        <v>22</v>
      </c>
      <c r="H76" s="13"/>
      <c r="I76" s="29" t="s">
        <v>228</v>
      </c>
    </row>
    <row r="77" spans="1:9" ht="21.6" x14ac:dyDescent="0.2">
      <c r="A77" s="2" t="s">
        <v>229</v>
      </c>
      <c r="B77" s="2" t="s">
        <v>108</v>
      </c>
      <c r="C77" s="28" t="s">
        <v>230</v>
      </c>
      <c r="D77" s="13" t="s">
        <v>108</v>
      </c>
      <c r="E77" s="13" t="s">
        <v>108</v>
      </c>
      <c r="F77" s="13" t="s">
        <v>109</v>
      </c>
      <c r="G77" s="13"/>
      <c r="H77" s="13" t="s">
        <v>57</v>
      </c>
      <c r="I77" s="29"/>
    </row>
    <row r="78" spans="1:9" ht="32.4" x14ac:dyDescent="0.2">
      <c r="A78" s="2" t="s">
        <v>231</v>
      </c>
      <c r="B78" s="2" t="s">
        <v>69</v>
      </c>
      <c r="C78" s="30" t="s">
        <v>231</v>
      </c>
      <c r="D78" s="13" t="s">
        <v>69</v>
      </c>
      <c r="E78" s="13" t="s">
        <v>232</v>
      </c>
      <c r="F78" s="13" t="s">
        <v>21</v>
      </c>
      <c r="G78" s="13"/>
      <c r="H78" s="13"/>
      <c r="I78" s="29" t="s">
        <v>233</v>
      </c>
    </row>
    <row r="79" spans="1:9" ht="32.4" x14ac:dyDescent="0.2">
      <c r="A79" s="2" t="s">
        <v>231</v>
      </c>
      <c r="B79" s="2" t="s">
        <v>234</v>
      </c>
      <c r="C79" s="32" t="s">
        <v>24</v>
      </c>
      <c r="D79" s="15" t="s">
        <v>235</v>
      </c>
      <c r="E79" s="13" t="s">
        <v>236</v>
      </c>
      <c r="F79" s="13" t="s">
        <v>32</v>
      </c>
      <c r="G79" s="13"/>
      <c r="H79" s="13"/>
      <c r="I79" s="29" t="s">
        <v>237</v>
      </c>
    </row>
    <row r="80" spans="1:9" x14ac:dyDescent="0.2">
      <c r="A80" s="2" t="s">
        <v>231</v>
      </c>
      <c r="B80" s="2" t="s">
        <v>234</v>
      </c>
      <c r="C80" s="31" t="s">
        <v>24</v>
      </c>
      <c r="D80" s="16" t="s">
        <v>24</v>
      </c>
      <c r="E80" s="13" t="s">
        <v>238</v>
      </c>
      <c r="F80" s="13" t="s">
        <v>26</v>
      </c>
      <c r="G80" s="13"/>
      <c r="H80" s="13"/>
      <c r="I80" s="29" t="s">
        <v>239</v>
      </c>
    </row>
    <row r="81" spans="1:9" x14ac:dyDescent="0.2">
      <c r="A81" s="2" t="s">
        <v>240</v>
      </c>
      <c r="B81" s="2" t="s">
        <v>241</v>
      </c>
      <c r="C81" s="30" t="s">
        <v>240</v>
      </c>
      <c r="D81" s="13" t="s">
        <v>242</v>
      </c>
      <c r="E81" s="13" t="s">
        <v>242</v>
      </c>
      <c r="F81" s="13" t="s">
        <v>21</v>
      </c>
      <c r="G81" s="13"/>
      <c r="H81" s="13"/>
      <c r="I81" s="29" t="s">
        <v>243</v>
      </c>
    </row>
    <row r="82" spans="1:9" x14ac:dyDescent="0.2">
      <c r="A82" s="2" t="s">
        <v>240</v>
      </c>
      <c r="B82" s="2" t="s">
        <v>244</v>
      </c>
      <c r="C82" s="32" t="s">
        <v>24</v>
      </c>
      <c r="D82" s="13" t="s">
        <v>244</v>
      </c>
      <c r="E82" s="13" t="s">
        <v>244</v>
      </c>
      <c r="F82" s="13" t="s">
        <v>21</v>
      </c>
      <c r="G82" s="13"/>
      <c r="H82" s="13"/>
      <c r="I82" s="29" t="s">
        <v>245</v>
      </c>
    </row>
    <row r="83" spans="1:9" x14ac:dyDescent="0.2">
      <c r="A83" s="2" t="s">
        <v>240</v>
      </c>
      <c r="B83" s="2" t="s">
        <v>55</v>
      </c>
      <c r="C83" s="32" t="s">
        <v>24</v>
      </c>
      <c r="D83" s="15" t="s">
        <v>55</v>
      </c>
      <c r="E83" s="13" t="s">
        <v>55</v>
      </c>
      <c r="F83" s="13" t="s">
        <v>21</v>
      </c>
      <c r="G83" s="13"/>
      <c r="H83" s="13" t="s">
        <v>17</v>
      </c>
      <c r="I83" s="29"/>
    </row>
    <row r="84" spans="1:9" x14ac:dyDescent="0.2">
      <c r="A84" s="2" t="s">
        <v>240</v>
      </c>
      <c r="B84" s="2" t="s">
        <v>55</v>
      </c>
      <c r="C84" s="31" t="s">
        <v>24</v>
      </c>
      <c r="D84" s="16" t="s">
        <v>24</v>
      </c>
      <c r="E84" s="13" t="s">
        <v>108</v>
      </c>
      <c r="F84" s="13" t="s">
        <v>21</v>
      </c>
      <c r="G84" s="13" t="s">
        <v>246</v>
      </c>
      <c r="H84" s="13"/>
      <c r="I84" s="29" t="s">
        <v>247</v>
      </c>
    </row>
    <row r="85" spans="1:9" ht="21.6" x14ac:dyDescent="0.2">
      <c r="A85" s="2" t="s">
        <v>240</v>
      </c>
      <c r="B85" s="2" t="s">
        <v>248</v>
      </c>
      <c r="C85" s="32" t="s">
        <v>24</v>
      </c>
      <c r="D85" s="13" t="s">
        <v>248</v>
      </c>
      <c r="E85" s="13" t="s">
        <v>248</v>
      </c>
      <c r="F85" s="13" t="s">
        <v>21</v>
      </c>
      <c r="G85" s="13" t="s">
        <v>61</v>
      </c>
      <c r="H85" s="13"/>
      <c r="I85" s="29" t="s">
        <v>249</v>
      </c>
    </row>
    <row r="86" spans="1:9" ht="21.6" x14ac:dyDescent="0.2">
      <c r="A86" s="2" t="s">
        <v>250</v>
      </c>
      <c r="B86" s="2" t="s">
        <v>251</v>
      </c>
      <c r="C86" s="28" t="s">
        <v>252</v>
      </c>
      <c r="D86" s="13" t="s">
        <v>251</v>
      </c>
      <c r="E86" s="13" t="s">
        <v>253</v>
      </c>
      <c r="F86" s="13" t="s">
        <v>21</v>
      </c>
      <c r="G86" s="13"/>
      <c r="H86" s="13" t="s">
        <v>57</v>
      </c>
      <c r="I86" s="29"/>
    </row>
    <row r="87" spans="1:9" ht="21.6" x14ac:dyDescent="0.2">
      <c r="A87" s="2" t="s">
        <v>254</v>
      </c>
      <c r="B87" s="2" t="s">
        <v>255</v>
      </c>
      <c r="C87" s="28" t="s">
        <v>254</v>
      </c>
      <c r="D87" s="13" t="s">
        <v>255</v>
      </c>
      <c r="E87" s="13" t="s">
        <v>255</v>
      </c>
      <c r="F87" s="13" t="s">
        <v>42</v>
      </c>
      <c r="G87" s="13" t="s">
        <v>61</v>
      </c>
      <c r="H87" s="13"/>
      <c r="I87" s="29" t="s">
        <v>256</v>
      </c>
    </row>
    <row r="88" spans="1:9" x14ac:dyDescent="0.2">
      <c r="A88" s="2" t="s">
        <v>257</v>
      </c>
      <c r="B88" s="2" t="s">
        <v>258</v>
      </c>
      <c r="C88" s="28" t="s">
        <v>257</v>
      </c>
      <c r="D88" s="13" t="s">
        <v>259</v>
      </c>
      <c r="E88" s="13" t="s">
        <v>260</v>
      </c>
      <c r="F88" s="13" t="s">
        <v>145</v>
      </c>
      <c r="G88" s="13" t="s">
        <v>61</v>
      </c>
      <c r="H88" s="13"/>
      <c r="I88" s="29" t="s">
        <v>261</v>
      </c>
    </row>
    <row r="89" spans="1:9" ht="73.2" customHeight="1" x14ac:dyDescent="0.2">
      <c r="A89" s="2" t="s">
        <v>262</v>
      </c>
      <c r="B89" s="2" t="s">
        <v>263</v>
      </c>
      <c r="C89" s="28" t="s">
        <v>262</v>
      </c>
      <c r="D89" s="13" t="s">
        <v>264</v>
      </c>
      <c r="E89" s="13" t="s">
        <v>265</v>
      </c>
      <c r="F89" s="13" t="s">
        <v>32</v>
      </c>
      <c r="G89" s="13" t="s">
        <v>22</v>
      </c>
      <c r="H89" s="13"/>
      <c r="I89" s="29" t="s">
        <v>266</v>
      </c>
    </row>
    <row r="90" spans="1:9" ht="21.6" x14ac:dyDescent="0.2">
      <c r="A90" s="2" t="s">
        <v>267</v>
      </c>
      <c r="B90" s="2" t="s">
        <v>268</v>
      </c>
      <c r="C90" s="30" t="s">
        <v>269</v>
      </c>
      <c r="D90" s="15" t="s">
        <v>270</v>
      </c>
      <c r="E90" s="15" t="s">
        <v>270</v>
      </c>
      <c r="F90" s="13" t="s">
        <v>32</v>
      </c>
      <c r="G90" s="13"/>
      <c r="H90" s="13"/>
      <c r="I90" s="29" t="s">
        <v>271</v>
      </c>
    </row>
    <row r="91" spans="1:9" ht="21.6" x14ac:dyDescent="0.2">
      <c r="A91" s="2" t="s">
        <v>267</v>
      </c>
      <c r="B91" s="2" t="s">
        <v>268</v>
      </c>
      <c r="C91" s="31" t="s">
        <v>24</v>
      </c>
      <c r="D91" s="17" t="s">
        <v>24</v>
      </c>
      <c r="E91" s="16" t="s">
        <v>24</v>
      </c>
      <c r="F91" s="14" t="s">
        <v>272</v>
      </c>
      <c r="G91" s="13"/>
      <c r="H91" s="13"/>
      <c r="I91" s="29" t="s">
        <v>273</v>
      </c>
    </row>
    <row r="92" spans="1:9" x14ac:dyDescent="0.2">
      <c r="A92" s="2" t="s">
        <v>267</v>
      </c>
      <c r="B92" s="2" t="s">
        <v>274</v>
      </c>
      <c r="C92" s="32" t="s">
        <v>24</v>
      </c>
      <c r="D92" s="13" t="s">
        <v>275</v>
      </c>
      <c r="E92" s="13" t="s">
        <v>276</v>
      </c>
      <c r="F92" s="13" t="s">
        <v>32</v>
      </c>
      <c r="G92" s="13"/>
      <c r="H92" s="13"/>
      <c r="I92" s="29" t="s">
        <v>277</v>
      </c>
    </row>
    <row r="93" spans="1:9" x14ac:dyDescent="0.2">
      <c r="A93" s="2" t="s">
        <v>278</v>
      </c>
      <c r="B93" s="2" t="s">
        <v>279</v>
      </c>
      <c r="C93" s="30" t="s">
        <v>278</v>
      </c>
      <c r="D93" s="13" t="s">
        <v>279</v>
      </c>
      <c r="E93" s="13" t="s">
        <v>279</v>
      </c>
      <c r="F93" s="13" t="s">
        <v>42</v>
      </c>
      <c r="G93" s="13"/>
      <c r="H93" s="13"/>
      <c r="I93" s="29" t="s">
        <v>280</v>
      </c>
    </row>
    <row r="94" spans="1:9" ht="32.4" x14ac:dyDescent="0.2">
      <c r="A94" s="2" t="s">
        <v>281</v>
      </c>
      <c r="B94" s="2" t="s">
        <v>69</v>
      </c>
      <c r="C94" s="32" t="s">
        <v>24</v>
      </c>
      <c r="D94" s="15" t="s">
        <v>69</v>
      </c>
      <c r="E94" s="13" t="s">
        <v>282</v>
      </c>
      <c r="F94" s="13" t="s">
        <v>21</v>
      </c>
      <c r="G94" s="13" t="s">
        <v>283</v>
      </c>
      <c r="H94" s="13"/>
      <c r="I94" s="29" t="s">
        <v>284</v>
      </c>
    </row>
    <row r="95" spans="1:9" ht="32.4" x14ac:dyDescent="0.2">
      <c r="A95" s="2" t="s">
        <v>281</v>
      </c>
      <c r="B95" s="2" t="s">
        <v>69</v>
      </c>
      <c r="C95" s="31" t="s">
        <v>24</v>
      </c>
      <c r="D95" s="16" t="s">
        <v>24</v>
      </c>
      <c r="E95" s="13" t="s">
        <v>285</v>
      </c>
      <c r="F95" s="13" t="s">
        <v>21</v>
      </c>
      <c r="G95" s="13" t="s">
        <v>283</v>
      </c>
      <c r="H95" s="13"/>
      <c r="I95" s="29" t="s">
        <v>286</v>
      </c>
    </row>
    <row r="96" spans="1:9" ht="32.4" x14ac:dyDescent="0.2">
      <c r="A96" s="2" t="s">
        <v>278</v>
      </c>
      <c r="B96" s="2" t="s">
        <v>69</v>
      </c>
      <c r="C96" s="31" t="s">
        <v>24</v>
      </c>
      <c r="D96" s="16" t="s">
        <v>24</v>
      </c>
      <c r="E96" s="13" t="s">
        <v>287</v>
      </c>
      <c r="F96" s="13" t="s">
        <v>42</v>
      </c>
      <c r="G96" s="13"/>
      <c r="H96" s="13"/>
      <c r="I96" s="29" t="s">
        <v>288</v>
      </c>
    </row>
    <row r="97" spans="1:9" x14ac:dyDescent="0.2">
      <c r="A97" s="2" t="s">
        <v>278</v>
      </c>
      <c r="B97" s="2" t="s">
        <v>55</v>
      </c>
      <c r="C97" s="32" t="s">
        <v>24</v>
      </c>
      <c r="D97" s="15" t="s">
        <v>55</v>
      </c>
      <c r="E97" s="13" t="s">
        <v>55</v>
      </c>
      <c r="F97" s="13" t="s">
        <v>42</v>
      </c>
      <c r="G97" s="13"/>
      <c r="H97" s="13"/>
      <c r="I97" s="29" t="s">
        <v>289</v>
      </c>
    </row>
    <row r="98" spans="1:9" x14ac:dyDescent="0.2">
      <c r="A98" s="2" t="s">
        <v>278</v>
      </c>
      <c r="B98" s="2" t="s">
        <v>55</v>
      </c>
      <c r="C98" s="31" t="s">
        <v>24</v>
      </c>
      <c r="D98" s="16" t="s">
        <v>24</v>
      </c>
      <c r="E98" s="13" t="s">
        <v>108</v>
      </c>
      <c r="F98" s="13" t="s">
        <v>21</v>
      </c>
      <c r="G98" s="13"/>
      <c r="H98" s="13"/>
      <c r="I98" s="29" t="s">
        <v>290</v>
      </c>
    </row>
    <row r="99" spans="1:9" x14ac:dyDescent="0.2">
      <c r="A99" s="2" t="s">
        <v>291</v>
      </c>
      <c r="B99" s="2" t="s">
        <v>258</v>
      </c>
      <c r="C99" s="28" t="s">
        <v>292</v>
      </c>
      <c r="D99" s="13" t="s">
        <v>259</v>
      </c>
      <c r="E99" s="13" t="s">
        <v>15</v>
      </c>
      <c r="F99" s="13" t="s">
        <v>42</v>
      </c>
      <c r="G99" s="13"/>
      <c r="H99" s="13" t="s">
        <v>57</v>
      </c>
      <c r="I99" s="29"/>
    </row>
    <row r="100" spans="1:9" ht="88.95" customHeight="1" x14ac:dyDescent="0.2">
      <c r="A100" s="2" t="s">
        <v>293</v>
      </c>
      <c r="B100" s="2" t="s">
        <v>294</v>
      </c>
      <c r="C100" s="28" t="s">
        <v>295</v>
      </c>
      <c r="D100" s="13" t="s">
        <v>296</v>
      </c>
      <c r="E100" s="13" t="s">
        <v>297</v>
      </c>
      <c r="F100" s="13" t="s">
        <v>32</v>
      </c>
      <c r="G100" s="13" t="s">
        <v>169</v>
      </c>
      <c r="H100" s="13"/>
      <c r="I100" s="29" t="s">
        <v>298</v>
      </c>
    </row>
    <row r="101" spans="1:9" ht="21.6" x14ac:dyDescent="0.2">
      <c r="A101" s="2" t="s">
        <v>299</v>
      </c>
      <c r="B101" s="2" t="s">
        <v>255</v>
      </c>
      <c r="C101" s="30" t="s">
        <v>299</v>
      </c>
      <c r="D101" s="13" t="s">
        <v>255</v>
      </c>
      <c r="E101" s="13" t="s">
        <v>255</v>
      </c>
      <c r="F101" s="13" t="s">
        <v>21</v>
      </c>
      <c r="G101" s="13" t="s">
        <v>22</v>
      </c>
      <c r="H101" s="13"/>
      <c r="I101" s="29" t="s">
        <v>300</v>
      </c>
    </row>
    <row r="102" spans="1:9" ht="21.6" x14ac:dyDescent="0.2">
      <c r="A102" s="2" t="s">
        <v>299</v>
      </c>
      <c r="B102" s="2" t="s">
        <v>67</v>
      </c>
      <c r="C102" s="32" t="s">
        <v>24</v>
      </c>
      <c r="D102" s="13" t="s">
        <v>69</v>
      </c>
      <c r="E102" s="13" t="s">
        <v>301</v>
      </c>
      <c r="F102" s="13" t="s">
        <v>21</v>
      </c>
      <c r="G102" s="13"/>
      <c r="H102" s="13"/>
      <c r="I102" s="29" t="s">
        <v>302</v>
      </c>
    </row>
    <row r="103" spans="1:9" ht="21.6" x14ac:dyDescent="0.2">
      <c r="A103" s="2" t="s">
        <v>303</v>
      </c>
      <c r="B103" s="2" t="s">
        <v>304</v>
      </c>
      <c r="C103" s="30" t="s">
        <v>305</v>
      </c>
      <c r="D103" s="13" t="s">
        <v>304</v>
      </c>
      <c r="E103" s="13" t="s">
        <v>306</v>
      </c>
      <c r="F103" s="13" t="s">
        <v>32</v>
      </c>
      <c r="G103" s="13"/>
      <c r="H103" s="13"/>
      <c r="I103" s="29" t="s">
        <v>307</v>
      </c>
    </row>
    <row r="104" spans="1:9" x14ac:dyDescent="0.2">
      <c r="A104" s="2" t="s">
        <v>303</v>
      </c>
      <c r="B104" s="2" t="s">
        <v>308</v>
      </c>
      <c r="C104" s="32" t="s">
        <v>24</v>
      </c>
      <c r="D104" s="13" t="s">
        <v>309</v>
      </c>
      <c r="E104" s="13" t="s">
        <v>310</v>
      </c>
      <c r="F104" s="13" t="s">
        <v>32</v>
      </c>
      <c r="G104" s="13"/>
      <c r="H104" s="13"/>
      <c r="I104" s="29" t="s">
        <v>311</v>
      </c>
    </row>
    <row r="105" spans="1:9" ht="19.2" customHeight="1" x14ac:dyDescent="0.2">
      <c r="A105" s="2" t="s">
        <v>312</v>
      </c>
      <c r="B105" s="2" t="s">
        <v>313</v>
      </c>
      <c r="C105" s="30" t="s">
        <v>312</v>
      </c>
      <c r="D105" s="13" t="s">
        <v>314</v>
      </c>
      <c r="E105" s="13" t="s">
        <v>315</v>
      </c>
      <c r="F105" s="13" t="s">
        <v>42</v>
      </c>
      <c r="G105" s="13"/>
      <c r="H105" s="13"/>
      <c r="I105" s="29" t="s">
        <v>316</v>
      </c>
    </row>
    <row r="106" spans="1:9" ht="69" customHeight="1" x14ac:dyDescent="0.2">
      <c r="A106" s="2" t="s">
        <v>312</v>
      </c>
      <c r="B106" s="2" t="s">
        <v>157</v>
      </c>
      <c r="C106" s="32" t="s">
        <v>24</v>
      </c>
      <c r="D106" s="13" t="s">
        <v>157</v>
      </c>
      <c r="E106" s="13" t="s">
        <v>317</v>
      </c>
      <c r="F106" s="13" t="s">
        <v>32</v>
      </c>
      <c r="G106" s="13" t="s">
        <v>318</v>
      </c>
      <c r="H106" s="13"/>
      <c r="I106" s="29" t="s">
        <v>319</v>
      </c>
    </row>
    <row r="107" spans="1:9" ht="32.4" x14ac:dyDescent="0.2">
      <c r="A107" s="2" t="s">
        <v>320</v>
      </c>
      <c r="B107" s="2" t="s">
        <v>69</v>
      </c>
      <c r="C107" s="30" t="s">
        <v>320</v>
      </c>
      <c r="D107" s="15" t="s">
        <v>69</v>
      </c>
      <c r="E107" s="13" t="s">
        <v>321</v>
      </c>
      <c r="F107" s="13" t="s">
        <v>21</v>
      </c>
      <c r="G107" s="13" t="s">
        <v>61</v>
      </c>
      <c r="H107" s="13"/>
      <c r="I107" s="29" t="s">
        <v>322</v>
      </c>
    </row>
    <row r="108" spans="1:9" ht="21.6" x14ac:dyDescent="0.2">
      <c r="A108" s="2" t="s">
        <v>320</v>
      </c>
      <c r="B108" s="2" t="s">
        <v>69</v>
      </c>
      <c r="C108" s="31" t="s">
        <v>24</v>
      </c>
      <c r="D108" s="16" t="s">
        <v>24</v>
      </c>
      <c r="E108" s="13" t="s">
        <v>323</v>
      </c>
      <c r="F108" s="13" t="s">
        <v>21</v>
      </c>
      <c r="G108" s="13" t="s">
        <v>61</v>
      </c>
      <c r="H108" s="13"/>
      <c r="I108" s="29" t="s">
        <v>324</v>
      </c>
    </row>
    <row r="109" spans="1:9" ht="21.6" x14ac:dyDescent="0.2">
      <c r="A109" s="2" t="s">
        <v>320</v>
      </c>
      <c r="B109" s="2" t="s">
        <v>69</v>
      </c>
      <c r="C109" s="31" t="s">
        <v>24</v>
      </c>
      <c r="D109" s="16" t="s">
        <v>24</v>
      </c>
      <c r="E109" s="13" t="s">
        <v>325</v>
      </c>
      <c r="F109" s="13" t="s">
        <v>21</v>
      </c>
      <c r="G109" s="13" t="s">
        <v>61</v>
      </c>
      <c r="H109" s="13"/>
      <c r="I109" s="29" t="s">
        <v>326</v>
      </c>
    </row>
    <row r="110" spans="1:9" ht="32.4" x14ac:dyDescent="0.2">
      <c r="A110" s="2" t="s">
        <v>320</v>
      </c>
      <c r="B110" s="2" t="s">
        <v>69</v>
      </c>
      <c r="C110" s="31" t="s">
        <v>24</v>
      </c>
      <c r="D110" s="16" t="s">
        <v>24</v>
      </c>
      <c r="E110" s="13" t="s">
        <v>327</v>
      </c>
      <c r="F110" s="13" t="s">
        <v>21</v>
      </c>
      <c r="G110" s="13" t="s">
        <v>61</v>
      </c>
      <c r="H110" s="13"/>
      <c r="I110" s="29" t="s">
        <v>328</v>
      </c>
    </row>
    <row r="111" spans="1:9" ht="21.6" x14ac:dyDescent="0.2">
      <c r="A111" s="2" t="s">
        <v>320</v>
      </c>
      <c r="B111" s="2" t="s">
        <v>69</v>
      </c>
      <c r="C111" s="31" t="s">
        <v>24</v>
      </c>
      <c r="D111" s="16" t="s">
        <v>24</v>
      </c>
      <c r="E111" s="13" t="s">
        <v>209</v>
      </c>
      <c r="F111" s="13" t="s">
        <v>21</v>
      </c>
      <c r="G111" s="13" t="s">
        <v>61</v>
      </c>
      <c r="H111" s="13"/>
      <c r="I111" s="29" t="s">
        <v>329</v>
      </c>
    </row>
    <row r="112" spans="1:9" ht="21.6" x14ac:dyDescent="0.2">
      <c r="A112" s="2" t="s">
        <v>320</v>
      </c>
      <c r="B112" s="2" t="s">
        <v>69</v>
      </c>
      <c r="C112" s="31" t="s">
        <v>24</v>
      </c>
      <c r="D112" s="16" t="s">
        <v>24</v>
      </c>
      <c r="E112" s="13" t="s">
        <v>330</v>
      </c>
      <c r="F112" s="13" t="s">
        <v>16</v>
      </c>
      <c r="G112" s="13" t="s">
        <v>61</v>
      </c>
      <c r="H112" s="13"/>
      <c r="I112" s="29" t="s">
        <v>331</v>
      </c>
    </row>
    <row r="113" spans="1:9" x14ac:dyDescent="0.2">
      <c r="A113" s="2" t="s">
        <v>332</v>
      </c>
      <c r="B113" s="2" t="s">
        <v>315</v>
      </c>
      <c r="C113" s="28" t="s">
        <v>332</v>
      </c>
      <c r="D113" s="13" t="s">
        <v>315</v>
      </c>
      <c r="E113" s="13" t="s">
        <v>333</v>
      </c>
      <c r="F113" s="13" t="s">
        <v>21</v>
      </c>
      <c r="G113" s="13"/>
      <c r="H113" s="13"/>
      <c r="I113" s="29" t="s">
        <v>334</v>
      </c>
    </row>
    <row r="114" spans="1:9" x14ac:dyDescent="0.2">
      <c r="A114" s="2" t="s">
        <v>335</v>
      </c>
      <c r="B114" s="2" t="s">
        <v>336</v>
      </c>
      <c r="C114" s="30" t="s">
        <v>335</v>
      </c>
      <c r="D114" s="13" t="s">
        <v>336</v>
      </c>
      <c r="E114" s="13" t="s">
        <v>337</v>
      </c>
      <c r="F114" s="13" t="s">
        <v>42</v>
      </c>
      <c r="G114" s="13"/>
      <c r="H114" s="13"/>
      <c r="I114" s="29" t="s">
        <v>338</v>
      </c>
    </row>
    <row r="115" spans="1:9" ht="21.6" x14ac:dyDescent="0.2">
      <c r="A115" s="2" t="s">
        <v>335</v>
      </c>
      <c r="B115" s="2" t="s">
        <v>339</v>
      </c>
      <c r="C115" s="32" t="s">
        <v>24</v>
      </c>
      <c r="D115" s="13" t="s">
        <v>340</v>
      </c>
      <c r="E115" s="13" t="s">
        <v>340</v>
      </c>
      <c r="F115" s="13" t="s">
        <v>42</v>
      </c>
      <c r="G115" s="13"/>
      <c r="H115" s="13" t="s">
        <v>341</v>
      </c>
      <c r="I115" s="29" t="s">
        <v>342</v>
      </c>
    </row>
    <row r="116" spans="1:9" ht="32.4" x14ac:dyDescent="0.2">
      <c r="A116" s="2" t="s">
        <v>335</v>
      </c>
      <c r="B116" s="2" t="s">
        <v>55</v>
      </c>
      <c r="C116" s="32" t="s">
        <v>24</v>
      </c>
      <c r="D116" s="13" t="s">
        <v>55</v>
      </c>
      <c r="E116" s="13" t="s">
        <v>343</v>
      </c>
      <c r="F116" s="13" t="s">
        <v>21</v>
      </c>
      <c r="G116" s="13"/>
      <c r="H116" s="13"/>
      <c r="I116" s="29" t="s">
        <v>344</v>
      </c>
    </row>
    <row r="117" spans="1:9" ht="21.6" x14ac:dyDescent="0.2">
      <c r="A117" s="2" t="s">
        <v>345</v>
      </c>
      <c r="B117" s="2" t="s">
        <v>255</v>
      </c>
      <c r="C117" s="30" t="s">
        <v>345</v>
      </c>
      <c r="D117" s="15" t="s">
        <v>255</v>
      </c>
      <c r="E117" s="13" t="s">
        <v>346</v>
      </c>
      <c r="F117" s="13" t="s">
        <v>42</v>
      </c>
      <c r="G117" s="13"/>
      <c r="H117" s="13" t="s">
        <v>347</v>
      </c>
      <c r="I117" s="29"/>
    </row>
    <row r="118" spans="1:9" ht="21.6" x14ac:dyDescent="0.2">
      <c r="A118" s="2" t="s">
        <v>345</v>
      </c>
      <c r="B118" s="2" t="s">
        <v>255</v>
      </c>
      <c r="C118" s="31" t="s">
        <v>24</v>
      </c>
      <c r="D118" s="16" t="s">
        <v>24</v>
      </c>
      <c r="E118" s="13" t="s">
        <v>348</v>
      </c>
      <c r="F118" s="13" t="s">
        <v>42</v>
      </c>
      <c r="G118" s="13"/>
      <c r="H118" s="13" t="s">
        <v>349</v>
      </c>
      <c r="I118" s="29" t="s">
        <v>350</v>
      </c>
    </row>
    <row r="119" spans="1:9" ht="21.6" x14ac:dyDescent="0.2">
      <c r="A119" s="2" t="s">
        <v>345</v>
      </c>
      <c r="B119" s="2" t="s">
        <v>69</v>
      </c>
      <c r="C119" s="32" t="s">
        <v>24</v>
      </c>
      <c r="D119" s="15" t="s">
        <v>69</v>
      </c>
      <c r="E119" s="13" t="s">
        <v>351</v>
      </c>
      <c r="F119" s="13" t="s">
        <v>42</v>
      </c>
      <c r="G119" s="13"/>
      <c r="H119" s="13" t="s">
        <v>352</v>
      </c>
      <c r="I119" s="29" t="s">
        <v>353</v>
      </c>
    </row>
    <row r="120" spans="1:9" ht="21.6" x14ac:dyDescent="0.2">
      <c r="A120" s="2" t="s">
        <v>345</v>
      </c>
      <c r="B120" s="2" t="s">
        <v>69</v>
      </c>
      <c r="C120" s="31" t="s">
        <v>24</v>
      </c>
      <c r="D120" s="16" t="s">
        <v>24</v>
      </c>
      <c r="E120" s="13" t="s">
        <v>354</v>
      </c>
      <c r="F120" s="13" t="s">
        <v>42</v>
      </c>
      <c r="G120" s="13"/>
      <c r="H120" s="13" t="s">
        <v>352</v>
      </c>
      <c r="I120" s="29" t="s">
        <v>355</v>
      </c>
    </row>
    <row r="121" spans="1:9" ht="32.4" x14ac:dyDescent="0.2">
      <c r="A121" s="2" t="s">
        <v>345</v>
      </c>
      <c r="B121" s="2" t="s">
        <v>69</v>
      </c>
      <c r="C121" s="31" t="s">
        <v>24</v>
      </c>
      <c r="D121" s="16" t="s">
        <v>24</v>
      </c>
      <c r="E121" s="13" t="s">
        <v>78</v>
      </c>
      <c r="F121" s="13" t="s">
        <v>42</v>
      </c>
      <c r="G121" s="13"/>
      <c r="H121" s="13" t="s">
        <v>356</v>
      </c>
      <c r="I121" s="29" t="s">
        <v>357</v>
      </c>
    </row>
    <row r="122" spans="1:9" x14ac:dyDescent="0.2">
      <c r="A122" s="2" t="s">
        <v>345</v>
      </c>
      <c r="B122" s="2" t="s">
        <v>142</v>
      </c>
      <c r="C122" s="32" t="s">
        <v>24</v>
      </c>
      <c r="D122" s="13" t="s">
        <v>143</v>
      </c>
      <c r="E122" s="13" t="s">
        <v>358</v>
      </c>
      <c r="F122" s="13" t="s">
        <v>42</v>
      </c>
      <c r="G122" s="13"/>
      <c r="H122" s="13"/>
      <c r="I122" s="29" t="s">
        <v>359</v>
      </c>
    </row>
    <row r="123" spans="1:9" ht="21.6" x14ac:dyDescent="0.2">
      <c r="A123" s="2" t="s">
        <v>345</v>
      </c>
      <c r="B123" s="2" t="s">
        <v>55</v>
      </c>
      <c r="C123" s="32" t="s">
        <v>24</v>
      </c>
      <c r="D123" s="15" t="s">
        <v>55</v>
      </c>
      <c r="E123" s="13" t="s">
        <v>55</v>
      </c>
      <c r="F123" s="13" t="s">
        <v>42</v>
      </c>
      <c r="G123" s="13"/>
      <c r="H123" s="13"/>
      <c r="I123" s="29" t="s">
        <v>360</v>
      </c>
    </row>
    <row r="124" spans="1:9" ht="21.6" x14ac:dyDescent="0.2">
      <c r="A124" s="2" t="s">
        <v>345</v>
      </c>
      <c r="B124" s="2" t="s">
        <v>55</v>
      </c>
      <c r="C124" s="31" t="s">
        <v>24</v>
      </c>
      <c r="D124" s="16" t="s">
        <v>24</v>
      </c>
      <c r="E124" s="13" t="s">
        <v>108</v>
      </c>
      <c r="F124" s="13" t="s">
        <v>42</v>
      </c>
      <c r="G124" s="13"/>
      <c r="H124" s="13"/>
      <c r="I124" s="29" t="s">
        <v>361</v>
      </c>
    </row>
    <row r="125" spans="1:9" x14ac:dyDescent="0.2">
      <c r="A125" s="2" t="s">
        <v>362</v>
      </c>
      <c r="B125" s="2" t="s">
        <v>55</v>
      </c>
      <c r="C125" s="28" t="s">
        <v>362</v>
      </c>
      <c r="D125" s="13" t="s">
        <v>55</v>
      </c>
      <c r="E125" s="13" t="s">
        <v>108</v>
      </c>
      <c r="F125" s="13" t="s">
        <v>21</v>
      </c>
      <c r="G125" s="13"/>
      <c r="H125" s="13"/>
      <c r="I125" s="29" t="s">
        <v>363</v>
      </c>
    </row>
    <row r="126" spans="1:9" x14ac:dyDescent="0.2">
      <c r="A126" s="2" t="s">
        <v>364</v>
      </c>
      <c r="B126" s="2" t="s">
        <v>69</v>
      </c>
      <c r="C126" s="30" t="s">
        <v>364</v>
      </c>
      <c r="D126" s="15" t="s">
        <v>69</v>
      </c>
      <c r="E126" s="13" t="s">
        <v>365</v>
      </c>
      <c r="F126" s="13" t="s">
        <v>16</v>
      </c>
      <c r="G126" s="13"/>
      <c r="H126" s="13"/>
      <c r="I126" s="29" t="s">
        <v>366</v>
      </c>
    </row>
    <row r="127" spans="1:9" x14ac:dyDescent="0.2">
      <c r="A127" s="2" t="s">
        <v>364</v>
      </c>
      <c r="B127" s="2" t="s">
        <v>69</v>
      </c>
      <c r="C127" s="31" t="s">
        <v>24</v>
      </c>
      <c r="D127" s="16" t="s">
        <v>24</v>
      </c>
      <c r="E127" s="13" t="s">
        <v>117</v>
      </c>
      <c r="F127" s="13" t="s">
        <v>42</v>
      </c>
      <c r="G127" s="13"/>
      <c r="H127" s="13"/>
      <c r="I127" s="29" t="s">
        <v>367</v>
      </c>
    </row>
    <row r="128" spans="1:9" ht="21.6" x14ac:dyDescent="0.2">
      <c r="A128" s="2" t="s">
        <v>364</v>
      </c>
      <c r="B128" s="2" t="s">
        <v>69</v>
      </c>
      <c r="C128" s="31" t="s">
        <v>24</v>
      </c>
      <c r="D128" s="16" t="s">
        <v>24</v>
      </c>
      <c r="E128" s="13" t="s">
        <v>368</v>
      </c>
      <c r="F128" s="13" t="s">
        <v>42</v>
      </c>
      <c r="G128" s="13"/>
      <c r="H128" s="13"/>
      <c r="I128" s="29" t="s">
        <v>369</v>
      </c>
    </row>
    <row r="129" spans="1:9" ht="21.6" x14ac:dyDescent="0.2">
      <c r="A129" s="2" t="s">
        <v>364</v>
      </c>
      <c r="B129" s="2" t="s">
        <v>69</v>
      </c>
      <c r="C129" s="31" t="s">
        <v>24</v>
      </c>
      <c r="D129" s="16" t="s">
        <v>24</v>
      </c>
      <c r="E129" s="13" t="s">
        <v>370</v>
      </c>
      <c r="F129" s="13" t="s">
        <v>371</v>
      </c>
      <c r="G129" s="13"/>
      <c r="H129" s="13"/>
      <c r="I129" s="29" t="s">
        <v>372</v>
      </c>
    </row>
    <row r="130" spans="1:9" x14ac:dyDescent="0.2">
      <c r="A130" s="2" t="s">
        <v>364</v>
      </c>
      <c r="B130" s="2" t="s">
        <v>69</v>
      </c>
      <c r="C130" s="31" t="s">
        <v>24</v>
      </c>
      <c r="D130" s="16" t="s">
        <v>24</v>
      </c>
      <c r="E130" s="13" t="s">
        <v>373</v>
      </c>
      <c r="F130" s="13" t="s">
        <v>371</v>
      </c>
      <c r="G130" s="13"/>
      <c r="H130" s="13"/>
      <c r="I130" s="29" t="s">
        <v>374</v>
      </c>
    </row>
    <row r="131" spans="1:9" x14ac:dyDescent="0.2">
      <c r="A131" s="2" t="s">
        <v>364</v>
      </c>
      <c r="B131" s="2" t="s">
        <v>69</v>
      </c>
      <c r="C131" s="31" t="s">
        <v>24</v>
      </c>
      <c r="D131" s="16" t="s">
        <v>24</v>
      </c>
      <c r="E131" s="15" t="s">
        <v>375</v>
      </c>
      <c r="F131" s="13" t="s">
        <v>21</v>
      </c>
      <c r="G131" s="13"/>
      <c r="H131" s="13"/>
      <c r="I131" s="29" t="s">
        <v>376</v>
      </c>
    </row>
    <row r="132" spans="1:9" x14ac:dyDescent="0.2">
      <c r="A132" s="2" t="s">
        <v>364</v>
      </c>
      <c r="B132" s="2" t="s">
        <v>69</v>
      </c>
      <c r="C132" s="31" t="s">
        <v>24</v>
      </c>
      <c r="D132" s="17" t="s">
        <v>24</v>
      </c>
      <c r="E132" s="16" t="s">
        <v>24</v>
      </c>
      <c r="F132" s="14" t="s">
        <v>42</v>
      </c>
      <c r="G132" s="13"/>
      <c r="H132" s="13"/>
      <c r="I132" s="29" t="s">
        <v>377</v>
      </c>
    </row>
    <row r="133" spans="1:9" ht="32.4" x14ac:dyDescent="0.2">
      <c r="A133" s="2" t="s">
        <v>378</v>
      </c>
      <c r="B133" s="2" t="s">
        <v>379</v>
      </c>
      <c r="C133" s="28" t="s">
        <v>378</v>
      </c>
      <c r="D133" s="13" t="s">
        <v>379</v>
      </c>
      <c r="E133" s="13" t="s">
        <v>380</v>
      </c>
      <c r="F133" s="13" t="s">
        <v>32</v>
      </c>
      <c r="G133" s="13" t="s">
        <v>22</v>
      </c>
      <c r="H133" s="13"/>
      <c r="I133" s="29" t="s">
        <v>381</v>
      </c>
    </row>
    <row r="134" spans="1:9" ht="21.6" x14ac:dyDescent="0.2">
      <c r="A134" s="2" t="s">
        <v>382</v>
      </c>
      <c r="B134" s="2" t="s">
        <v>220</v>
      </c>
      <c r="C134" s="28" t="s">
        <v>383</v>
      </c>
      <c r="D134" s="13" t="s">
        <v>220</v>
      </c>
      <c r="E134" s="13" t="s">
        <v>384</v>
      </c>
      <c r="F134" s="13" t="s">
        <v>145</v>
      </c>
      <c r="G134" s="13"/>
      <c r="H134" s="13" t="s">
        <v>385</v>
      </c>
      <c r="I134" s="29" t="s">
        <v>386</v>
      </c>
    </row>
    <row r="135" spans="1:9" ht="13.95" customHeight="1" x14ac:dyDescent="0.2">
      <c r="A135" s="2" t="s">
        <v>387</v>
      </c>
      <c r="B135" s="2" t="s">
        <v>55</v>
      </c>
      <c r="C135" s="28" t="s">
        <v>387</v>
      </c>
      <c r="D135" s="13" t="s">
        <v>55</v>
      </c>
      <c r="E135" s="13" t="s">
        <v>108</v>
      </c>
      <c r="F135" s="13" t="s">
        <v>21</v>
      </c>
      <c r="G135" s="13" t="s">
        <v>22</v>
      </c>
      <c r="H135" s="13"/>
      <c r="I135" s="29" t="s">
        <v>388</v>
      </c>
    </row>
    <row r="136" spans="1:9" ht="15" customHeight="1" x14ac:dyDescent="0.2">
      <c r="A136" s="2" t="s">
        <v>389</v>
      </c>
      <c r="B136" s="2" t="s">
        <v>390</v>
      </c>
      <c r="C136" s="30" t="s">
        <v>391</v>
      </c>
      <c r="D136" s="13" t="s">
        <v>392</v>
      </c>
      <c r="E136" s="13" t="s">
        <v>392</v>
      </c>
      <c r="F136" s="13" t="s">
        <v>76</v>
      </c>
      <c r="G136" s="13"/>
      <c r="H136" s="13"/>
      <c r="I136" s="29" t="s">
        <v>393</v>
      </c>
    </row>
    <row r="137" spans="1:9" x14ac:dyDescent="0.2">
      <c r="A137" s="2" t="s">
        <v>389</v>
      </c>
      <c r="B137" s="2" t="s">
        <v>157</v>
      </c>
      <c r="C137" s="32" t="s">
        <v>24</v>
      </c>
      <c r="D137" s="13" t="s">
        <v>157</v>
      </c>
      <c r="E137" s="13" t="s">
        <v>157</v>
      </c>
      <c r="F137" s="13" t="s">
        <v>76</v>
      </c>
      <c r="G137" s="13"/>
      <c r="H137" s="13"/>
      <c r="I137" s="29" t="s">
        <v>394</v>
      </c>
    </row>
    <row r="138" spans="1:9" x14ac:dyDescent="0.2">
      <c r="A138" s="2" t="s">
        <v>395</v>
      </c>
      <c r="B138" s="2" t="s">
        <v>67</v>
      </c>
      <c r="C138" s="30" t="s">
        <v>395</v>
      </c>
      <c r="D138" s="15" t="s">
        <v>69</v>
      </c>
      <c r="E138" s="13" t="s">
        <v>396</v>
      </c>
      <c r="F138" s="13" t="s">
        <v>32</v>
      </c>
      <c r="G138" s="13"/>
      <c r="H138" s="13"/>
      <c r="I138" s="29" t="s">
        <v>397</v>
      </c>
    </row>
    <row r="139" spans="1:9" x14ac:dyDescent="0.2">
      <c r="A139" s="2" t="s">
        <v>395</v>
      </c>
      <c r="B139" s="2" t="s">
        <v>69</v>
      </c>
      <c r="C139" s="31" t="s">
        <v>24</v>
      </c>
      <c r="D139" s="16" t="s">
        <v>24</v>
      </c>
      <c r="E139" s="13" t="s">
        <v>398</v>
      </c>
      <c r="F139" s="13" t="s">
        <v>371</v>
      </c>
      <c r="G139" s="13"/>
      <c r="H139" s="13"/>
      <c r="I139" s="29" t="s">
        <v>399</v>
      </c>
    </row>
    <row r="140" spans="1:9" ht="21.6" x14ac:dyDescent="0.2">
      <c r="A140" s="2" t="s">
        <v>395</v>
      </c>
      <c r="B140" s="2" t="s">
        <v>69</v>
      </c>
      <c r="C140" s="31" t="s">
        <v>24</v>
      </c>
      <c r="D140" s="16" t="s">
        <v>24</v>
      </c>
      <c r="E140" s="13" t="s">
        <v>400</v>
      </c>
      <c r="F140" s="13" t="s">
        <v>21</v>
      </c>
      <c r="G140" s="13"/>
      <c r="H140" s="13"/>
      <c r="I140" s="29" t="s">
        <v>401</v>
      </c>
    </row>
    <row r="141" spans="1:9" x14ac:dyDescent="0.2">
      <c r="A141" s="2" t="s">
        <v>395</v>
      </c>
      <c r="B141" s="2" t="s">
        <v>69</v>
      </c>
      <c r="C141" s="31" t="s">
        <v>24</v>
      </c>
      <c r="D141" s="16" t="s">
        <v>24</v>
      </c>
      <c r="E141" s="13" t="s">
        <v>402</v>
      </c>
      <c r="F141" s="13" t="s">
        <v>16</v>
      </c>
      <c r="G141" s="13"/>
      <c r="H141" s="13"/>
      <c r="I141" s="29" t="s">
        <v>403</v>
      </c>
    </row>
    <row r="142" spans="1:9" x14ac:dyDescent="0.2">
      <c r="A142" s="2" t="s">
        <v>395</v>
      </c>
      <c r="B142" s="2" t="s">
        <v>69</v>
      </c>
      <c r="C142" s="31" t="s">
        <v>24</v>
      </c>
      <c r="D142" s="16" t="s">
        <v>24</v>
      </c>
      <c r="E142" s="13" t="s">
        <v>404</v>
      </c>
      <c r="F142" s="13" t="s">
        <v>21</v>
      </c>
      <c r="G142" s="13"/>
      <c r="H142" s="13"/>
      <c r="I142" s="29" t="s">
        <v>405</v>
      </c>
    </row>
    <row r="143" spans="1:9" ht="21.6" x14ac:dyDescent="0.2">
      <c r="A143" s="2" t="s">
        <v>395</v>
      </c>
      <c r="B143" s="2" t="s">
        <v>69</v>
      </c>
      <c r="C143" s="31" t="s">
        <v>24</v>
      </c>
      <c r="D143" s="16" t="s">
        <v>24</v>
      </c>
      <c r="E143" s="13" t="s">
        <v>406</v>
      </c>
      <c r="F143" s="13" t="s">
        <v>26</v>
      </c>
      <c r="G143" s="13"/>
      <c r="H143" s="13"/>
      <c r="I143" s="29" t="s">
        <v>407</v>
      </c>
    </row>
    <row r="144" spans="1:9" x14ac:dyDescent="0.2">
      <c r="A144" s="2" t="s">
        <v>395</v>
      </c>
      <c r="B144" s="2" t="s">
        <v>69</v>
      </c>
      <c r="C144" s="31" t="s">
        <v>24</v>
      </c>
      <c r="D144" s="16" t="s">
        <v>24</v>
      </c>
      <c r="E144" s="13" t="s">
        <v>408</v>
      </c>
      <c r="F144" s="13" t="s">
        <v>64</v>
      </c>
      <c r="G144" s="13"/>
      <c r="H144" s="13"/>
      <c r="I144" s="29" t="s">
        <v>409</v>
      </c>
    </row>
    <row r="145" spans="1:9" ht="21.6" x14ac:dyDescent="0.2">
      <c r="A145" s="2" t="s">
        <v>395</v>
      </c>
      <c r="B145" s="2" t="s">
        <v>69</v>
      </c>
      <c r="C145" s="31" t="s">
        <v>24</v>
      </c>
      <c r="D145" s="16" t="s">
        <v>24</v>
      </c>
      <c r="E145" s="13" t="s">
        <v>410</v>
      </c>
      <c r="F145" s="13" t="s">
        <v>32</v>
      </c>
      <c r="G145" s="13"/>
      <c r="H145" s="13"/>
      <c r="I145" s="29" t="s">
        <v>411</v>
      </c>
    </row>
    <row r="146" spans="1:9" ht="21.6" x14ac:dyDescent="0.2">
      <c r="A146" s="2" t="s">
        <v>412</v>
      </c>
      <c r="B146" s="2" t="s">
        <v>148</v>
      </c>
      <c r="C146" s="28" t="s">
        <v>413</v>
      </c>
      <c r="D146" s="13" t="s">
        <v>148</v>
      </c>
      <c r="E146" s="13" t="s">
        <v>414</v>
      </c>
      <c r="F146" s="13" t="s">
        <v>42</v>
      </c>
      <c r="G146" s="13"/>
      <c r="H146" s="13"/>
      <c r="I146" s="29" t="s">
        <v>415</v>
      </c>
    </row>
    <row r="147" spans="1:9" ht="21.6" x14ac:dyDescent="0.2">
      <c r="A147" s="2" t="s">
        <v>416</v>
      </c>
      <c r="B147" s="2" t="s">
        <v>417</v>
      </c>
      <c r="C147" s="28" t="s">
        <v>418</v>
      </c>
      <c r="D147" s="13" t="s">
        <v>419</v>
      </c>
      <c r="E147" s="13" t="s">
        <v>419</v>
      </c>
      <c r="F147" s="13" t="s">
        <v>420</v>
      </c>
      <c r="G147" s="13"/>
      <c r="H147" s="13"/>
      <c r="I147" s="29" t="s">
        <v>421</v>
      </c>
    </row>
    <row r="148" spans="1:9" ht="21.6" x14ac:dyDescent="0.2">
      <c r="A148" s="2" t="s">
        <v>422</v>
      </c>
      <c r="B148" s="2" t="s">
        <v>95</v>
      </c>
      <c r="C148" s="28" t="s">
        <v>422</v>
      </c>
      <c r="D148" s="13" t="s">
        <v>95</v>
      </c>
      <c r="E148" s="13" t="s">
        <v>121</v>
      </c>
      <c r="F148" s="13" t="s">
        <v>42</v>
      </c>
      <c r="G148" s="13"/>
      <c r="H148" s="13"/>
      <c r="I148" s="29" t="s">
        <v>423</v>
      </c>
    </row>
    <row r="149" spans="1:9" ht="32.4" x14ac:dyDescent="0.2">
      <c r="A149" s="2" t="s">
        <v>424</v>
      </c>
      <c r="B149" s="2" t="s">
        <v>251</v>
      </c>
      <c r="C149" s="28" t="s">
        <v>424</v>
      </c>
      <c r="D149" s="13" t="s">
        <v>251</v>
      </c>
      <c r="E149" s="13" t="s">
        <v>425</v>
      </c>
      <c r="F149" s="13" t="s">
        <v>21</v>
      </c>
      <c r="G149" s="13"/>
      <c r="H149" s="13"/>
      <c r="I149" s="29" t="s">
        <v>426</v>
      </c>
    </row>
    <row r="150" spans="1:9" x14ac:dyDescent="0.2">
      <c r="A150" s="2" t="s">
        <v>427</v>
      </c>
      <c r="B150" s="2" t="s">
        <v>108</v>
      </c>
      <c r="C150" s="30" t="s">
        <v>427</v>
      </c>
      <c r="D150" s="13" t="s">
        <v>108</v>
      </c>
      <c r="E150" s="13" t="s">
        <v>108</v>
      </c>
      <c r="F150" s="13" t="s">
        <v>21</v>
      </c>
      <c r="G150" s="13"/>
      <c r="H150" s="13"/>
      <c r="I150" s="29" t="s">
        <v>428</v>
      </c>
    </row>
    <row r="151" spans="1:9" ht="21.6" x14ac:dyDescent="0.2">
      <c r="A151" s="2" t="s">
        <v>427</v>
      </c>
      <c r="B151" s="2" t="s">
        <v>429</v>
      </c>
      <c r="C151" s="34" t="s">
        <v>24</v>
      </c>
      <c r="D151" s="13" t="s">
        <v>429</v>
      </c>
      <c r="E151" s="13" t="s">
        <v>430</v>
      </c>
      <c r="F151" s="13" t="s">
        <v>21</v>
      </c>
      <c r="G151" s="13" t="s">
        <v>22</v>
      </c>
      <c r="H151" s="13"/>
      <c r="I151" s="29" t="s">
        <v>431</v>
      </c>
    </row>
    <row r="152" spans="1:9" x14ac:dyDescent="0.2">
      <c r="A152" s="2" t="s">
        <v>432</v>
      </c>
      <c r="B152" s="2" t="s">
        <v>69</v>
      </c>
      <c r="C152" s="30" t="s">
        <v>432</v>
      </c>
      <c r="D152" s="15" t="s">
        <v>69</v>
      </c>
      <c r="E152" s="13" t="s">
        <v>433</v>
      </c>
      <c r="F152" s="13" t="s">
        <v>21</v>
      </c>
      <c r="G152" s="13"/>
      <c r="H152" s="13"/>
      <c r="I152" s="29" t="s">
        <v>434</v>
      </c>
    </row>
    <row r="153" spans="1:9" ht="32.4" x14ac:dyDescent="0.2">
      <c r="A153" s="2" t="s">
        <v>432</v>
      </c>
      <c r="B153" s="2" t="s">
        <v>69</v>
      </c>
      <c r="C153" s="31" t="s">
        <v>24</v>
      </c>
      <c r="D153" s="16" t="s">
        <v>24</v>
      </c>
      <c r="E153" s="13" t="s">
        <v>435</v>
      </c>
      <c r="F153" s="13" t="s">
        <v>42</v>
      </c>
      <c r="G153" s="13"/>
      <c r="H153" s="13"/>
      <c r="I153" s="29" t="s">
        <v>434</v>
      </c>
    </row>
    <row r="154" spans="1:9" ht="21.6" x14ac:dyDescent="0.2">
      <c r="A154" s="2" t="s">
        <v>432</v>
      </c>
      <c r="B154" s="2" t="s">
        <v>69</v>
      </c>
      <c r="C154" s="31" t="s">
        <v>24</v>
      </c>
      <c r="D154" s="16" t="s">
        <v>24</v>
      </c>
      <c r="E154" s="13" t="s">
        <v>436</v>
      </c>
      <c r="F154" s="13" t="s">
        <v>109</v>
      </c>
      <c r="G154" s="13"/>
      <c r="H154" s="13"/>
      <c r="I154" s="29" t="s">
        <v>437</v>
      </c>
    </row>
    <row r="155" spans="1:9" x14ac:dyDescent="0.2">
      <c r="A155" s="2" t="s">
        <v>432</v>
      </c>
      <c r="B155" s="2" t="s">
        <v>69</v>
      </c>
      <c r="C155" s="31" t="s">
        <v>24</v>
      </c>
      <c r="D155" s="16" t="s">
        <v>24</v>
      </c>
      <c r="E155" s="13" t="s">
        <v>438</v>
      </c>
      <c r="F155" s="13" t="s">
        <v>109</v>
      </c>
      <c r="G155" s="13"/>
      <c r="H155" s="13"/>
      <c r="I155" s="29" t="s">
        <v>439</v>
      </c>
    </row>
    <row r="156" spans="1:9" x14ac:dyDescent="0.2">
      <c r="A156" s="2" t="s">
        <v>432</v>
      </c>
      <c r="B156" s="2" t="s">
        <v>69</v>
      </c>
      <c r="C156" s="31" t="s">
        <v>24</v>
      </c>
      <c r="D156" s="16" t="s">
        <v>24</v>
      </c>
      <c r="E156" s="13" t="s">
        <v>440</v>
      </c>
      <c r="F156" s="13" t="s">
        <v>109</v>
      </c>
      <c r="G156" s="13"/>
      <c r="H156" s="13"/>
      <c r="I156" s="29" t="s">
        <v>441</v>
      </c>
    </row>
    <row r="157" spans="1:9" ht="32.4" x14ac:dyDescent="0.2">
      <c r="A157" s="2" t="s">
        <v>432</v>
      </c>
      <c r="B157" s="2" t="s">
        <v>69</v>
      </c>
      <c r="C157" s="31" t="s">
        <v>24</v>
      </c>
      <c r="D157" s="16" t="s">
        <v>24</v>
      </c>
      <c r="E157" s="13" t="s">
        <v>442</v>
      </c>
      <c r="F157" s="13" t="s">
        <v>109</v>
      </c>
      <c r="G157" s="13"/>
      <c r="H157" s="13"/>
      <c r="I157" s="29" t="s">
        <v>443</v>
      </c>
    </row>
    <row r="158" spans="1:9" ht="32.4" x14ac:dyDescent="0.2">
      <c r="A158" s="2" t="s">
        <v>444</v>
      </c>
      <c r="B158" s="2" t="s">
        <v>67</v>
      </c>
      <c r="C158" s="31" t="s">
        <v>24</v>
      </c>
      <c r="D158" s="16" t="s">
        <v>24</v>
      </c>
      <c r="E158" s="13" t="s">
        <v>445</v>
      </c>
      <c r="F158" s="13" t="s">
        <v>109</v>
      </c>
      <c r="G158" s="13"/>
      <c r="H158" s="13"/>
      <c r="I158" s="29" t="s">
        <v>446</v>
      </c>
    </row>
    <row r="159" spans="1:9" ht="54" x14ac:dyDescent="0.2">
      <c r="A159" s="2" t="s">
        <v>432</v>
      </c>
      <c r="B159" s="2" t="s">
        <v>69</v>
      </c>
      <c r="C159" s="31" t="s">
        <v>24</v>
      </c>
      <c r="D159" s="16" t="s">
        <v>24</v>
      </c>
      <c r="E159" s="15" t="s">
        <v>447</v>
      </c>
      <c r="F159" s="13" t="s">
        <v>21</v>
      </c>
      <c r="G159" s="13"/>
      <c r="H159" s="13"/>
      <c r="I159" s="29" t="s">
        <v>448</v>
      </c>
    </row>
    <row r="160" spans="1:9" ht="54" x14ac:dyDescent="0.2">
      <c r="A160" s="2" t="s">
        <v>432</v>
      </c>
      <c r="B160" s="2" t="s">
        <v>69</v>
      </c>
      <c r="C160" s="31" t="s">
        <v>24</v>
      </c>
      <c r="D160" s="17" t="s">
        <v>24</v>
      </c>
      <c r="E160" s="16" t="s">
        <v>24</v>
      </c>
      <c r="F160" s="14" t="s">
        <v>42</v>
      </c>
      <c r="G160" s="13"/>
      <c r="H160" s="13"/>
      <c r="I160" s="29" t="s">
        <v>449</v>
      </c>
    </row>
    <row r="161" spans="1:9" x14ac:dyDescent="0.2">
      <c r="A161" s="2" t="s">
        <v>450</v>
      </c>
      <c r="B161" s="2" t="s">
        <v>451</v>
      </c>
      <c r="C161" s="28" t="s">
        <v>450</v>
      </c>
      <c r="D161" s="13" t="s">
        <v>451</v>
      </c>
      <c r="E161" s="13" t="s">
        <v>451</v>
      </c>
      <c r="F161" s="13" t="s">
        <v>452</v>
      </c>
      <c r="G161" s="13"/>
      <c r="H161" s="13"/>
      <c r="I161" s="29" t="s">
        <v>453</v>
      </c>
    </row>
    <row r="162" spans="1:9" ht="16.95" customHeight="1" x14ac:dyDescent="0.2">
      <c r="A162" s="2" t="s">
        <v>454</v>
      </c>
      <c r="B162" s="2" t="s">
        <v>55</v>
      </c>
      <c r="C162" s="30" t="s">
        <v>454</v>
      </c>
      <c r="D162" s="15" t="s">
        <v>55</v>
      </c>
      <c r="E162" s="13" t="s">
        <v>55</v>
      </c>
      <c r="F162" s="13" t="s">
        <v>21</v>
      </c>
      <c r="G162" s="13"/>
      <c r="H162" s="13"/>
      <c r="I162" s="29" t="s">
        <v>455</v>
      </c>
    </row>
    <row r="163" spans="1:9" ht="16.95" customHeight="1" x14ac:dyDescent="0.2">
      <c r="A163" s="2" t="s">
        <v>454</v>
      </c>
      <c r="B163" s="2" t="s">
        <v>55</v>
      </c>
      <c r="C163" s="31" t="s">
        <v>24</v>
      </c>
      <c r="D163" s="16" t="s">
        <v>24</v>
      </c>
      <c r="E163" s="13" t="s">
        <v>456</v>
      </c>
      <c r="F163" s="13" t="s">
        <v>21</v>
      </c>
      <c r="G163" s="13"/>
      <c r="H163" s="13"/>
      <c r="I163" s="29" t="s">
        <v>457</v>
      </c>
    </row>
    <row r="164" spans="1:9" ht="21.6" x14ac:dyDescent="0.2">
      <c r="A164" s="2" t="s">
        <v>454</v>
      </c>
      <c r="B164" s="2" t="s">
        <v>55</v>
      </c>
      <c r="C164" s="31" t="s">
        <v>24</v>
      </c>
      <c r="D164" s="16" t="s">
        <v>24</v>
      </c>
      <c r="E164" s="13" t="s">
        <v>458</v>
      </c>
      <c r="F164" s="13" t="s">
        <v>21</v>
      </c>
      <c r="G164" s="13"/>
      <c r="H164" s="13"/>
      <c r="I164" s="29" t="s">
        <v>459</v>
      </c>
    </row>
    <row r="165" spans="1:9" ht="21.6" x14ac:dyDescent="0.2">
      <c r="A165" s="2" t="s">
        <v>460</v>
      </c>
      <c r="B165" s="2" t="s">
        <v>258</v>
      </c>
      <c r="C165" s="30" t="s">
        <v>460</v>
      </c>
      <c r="D165" s="13" t="s">
        <v>259</v>
      </c>
      <c r="E165" s="13" t="s">
        <v>259</v>
      </c>
      <c r="F165" s="13" t="s">
        <v>461</v>
      </c>
      <c r="G165" s="13"/>
      <c r="H165" s="13"/>
      <c r="I165" s="29" t="s">
        <v>462</v>
      </c>
    </row>
    <row r="166" spans="1:9" ht="32.4" x14ac:dyDescent="0.2">
      <c r="A166" s="2" t="s">
        <v>460</v>
      </c>
      <c r="B166" s="2" t="s">
        <v>463</v>
      </c>
      <c r="C166" s="32" t="s">
        <v>24</v>
      </c>
      <c r="D166" s="13" t="s">
        <v>464</v>
      </c>
      <c r="E166" s="13" t="s">
        <v>464</v>
      </c>
      <c r="F166" s="13" t="s">
        <v>42</v>
      </c>
      <c r="G166" s="13" t="s">
        <v>22</v>
      </c>
      <c r="H166" s="13"/>
      <c r="I166" s="29" t="s">
        <v>465</v>
      </c>
    </row>
    <row r="167" spans="1:9" x14ac:dyDescent="0.2">
      <c r="A167" s="2" t="s">
        <v>466</v>
      </c>
      <c r="B167" s="2" t="s">
        <v>467</v>
      </c>
      <c r="C167" s="30" t="s">
        <v>466</v>
      </c>
      <c r="D167" s="15" t="s">
        <v>467</v>
      </c>
      <c r="E167" s="13" t="s">
        <v>451</v>
      </c>
      <c r="F167" s="13" t="s">
        <v>109</v>
      </c>
      <c r="G167" s="13"/>
      <c r="H167" s="13"/>
      <c r="I167" s="29" t="s">
        <v>468</v>
      </c>
    </row>
    <row r="168" spans="1:9" ht="32.4" x14ac:dyDescent="0.2">
      <c r="A168" s="2" t="s">
        <v>466</v>
      </c>
      <c r="B168" s="2" t="s">
        <v>467</v>
      </c>
      <c r="C168" s="31" t="s">
        <v>24</v>
      </c>
      <c r="D168" s="16" t="s">
        <v>24</v>
      </c>
      <c r="E168" s="13" t="s">
        <v>469</v>
      </c>
      <c r="F168" s="13" t="s">
        <v>42</v>
      </c>
      <c r="G168" s="13" t="s">
        <v>22</v>
      </c>
      <c r="H168" s="13"/>
      <c r="I168" s="29" t="s">
        <v>470</v>
      </c>
    </row>
    <row r="169" spans="1:9" ht="21.6" x14ac:dyDescent="0.2">
      <c r="A169" s="2" t="s">
        <v>471</v>
      </c>
      <c r="B169" s="2" t="s">
        <v>472</v>
      </c>
      <c r="C169" s="30" t="s">
        <v>471</v>
      </c>
      <c r="D169" s="15" t="s">
        <v>472</v>
      </c>
      <c r="E169" s="13" t="s">
        <v>473</v>
      </c>
      <c r="F169" s="13" t="s">
        <v>42</v>
      </c>
      <c r="G169" s="13" t="s">
        <v>61</v>
      </c>
      <c r="H169" s="13"/>
      <c r="I169" s="29" t="s">
        <v>474</v>
      </c>
    </row>
    <row r="170" spans="1:9" ht="21.6" x14ac:dyDescent="0.2">
      <c r="A170" s="2" t="s">
        <v>471</v>
      </c>
      <c r="B170" s="2" t="s">
        <v>472</v>
      </c>
      <c r="C170" s="31" t="s">
        <v>24</v>
      </c>
      <c r="D170" s="16" t="s">
        <v>24</v>
      </c>
      <c r="E170" s="13" t="s">
        <v>475</v>
      </c>
      <c r="F170" s="13" t="s">
        <v>42</v>
      </c>
      <c r="G170" s="13" t="s">
        <v>61</v>
      </c>
      <c r="H170" s="13"/>
      <c r="I170" s="29" t="s">
        <v>476</v>
      </c>
    </row>
    <row r="171" spans="1:9" ht="32.4" x14ac:dyDescent="0.2">
      <c r="A171" s="2" t="s">
        <v>477</v>
      </c>
      <c r="B171" s="2" t="s">
        <v>478</v>
      </c>
      <c r="C171" s="30" t="s">
        <v>479</v>
      </c>
      <c r="D171" s="15" t="s">
        <v>480</v>
      </c>
      <c r="E171" s="13" t="s">
        <v>480</v>
      </c>
      <c r="F171" s="13" t="s">
        <v>16</v>
      </c>
      <c r="G171" s="13"/>
      <c r="H171" s="13"/>
      <c r="I171" s="29" t="s">
        <v>481</v>
      </c>
    </row>
    <row r="172" spans="1:9" ht="21.6" x14ac:dyDescent="0.2">
      <c r="A172" s="2" t="s">
        <v>477</v>
      </c>
      <c r="B172" s="2" t="s">
        <v>478</v>
      </c>
      <c r="C172" s="31" t="s">
        <v>24</v>
      </c>
      <c r="D172" s="16" t="s">
        <v>24</v>
      </c>
      <c r="E172" s="13" t="s">
        <v>482</v>
      </c>
      <c r="F172" s="13" t="s">
        <v>16</v>
      </c>
      <c r="G172" s="13"/>
      <c r="H172" s="13"/>
      <c r="I172" s="29" t="s">
        <v>483</v>
      </c>
    </row>
    <row r="173" spans="1:9" ht="21.6" x14ac:dyDescent="0.2">
      <c r="A173" s="2" t="s">
        <v>484</v>
      </c>
      <c r="B173" s="2" t="s">
        <v>67</v>
      </c>
      <c r="C173" s="28" t="s">
        <v>484</v>
      </c>
      <c r="D173" s="13" t="s">
        <v>69</v>
      </c>
      <c r="E173" s="13" t="s">
        <v>485</v>
      </c>
      <c r="F173" s="13" t="s">
        <v>32</v>
      </c>
      <c r="G173" s="13"/>
      <c r="H173" s="13"/>
      <c r="I173" s="29" t="s">
        <v>486</v>
      </c>
    </row>
    <row r="174" spans="1:9" ht="32.4" x14ac:dyDescent="0.2">
      <c r="A174" s="2" t="s">
        <v>487</v>
      </c>
      <c r="B174" s="2" t="s">
        <v>488</v>
      </c>
      <c r="C174" s="30" t="s">
        <v>489</v>
      </c>
      <c r="D174" s="13" t="s">
        <v>488</v>
      </c>
      <c r="E174" s="13" t="s">
        <v>490</v>
      </c>
      <c r="F174" s="13" t="s">
        <v>491</v>
      </c>
      <c r="G174" s="13" t="s">
        <v>22</v>
      </c>
      <c r="H174" s="13"/>
      <c r="I174" s="29" t="s">
        <v>492</v>
      </c>
    </row>
    <row r="175" spans="1:9" ht="32.4" x14ac:dyDescent="0.2">
      <c r="A175" s="2" t="s">
        <v>489</v>
      </c>
      <c r="B175" s="2" t="s">
        <v>493</v>
      </c>
      <c r="C175" s="32" t="s">
        <v>24</v>
      </c>
      <c r="D175" s="13" t="s">
        <v>494</v>
      </c>
      <c r="E175" s="13" t="s">
        <v>495</v>
      </c>
      <c r="F175" s="13" t="s">
        <v>21</v>
      </c>
      <c r="G175" s="13" t="s">
        <v>22</v>
      </c>
      <c r="H175" s="13"/>
      <c r="I175" s="29" t="s">
        <v>492</v>
      </c>
    </row>
    <row r="176" spans="1:9" ht="32.4" x14ac:dyDescent="0.2">
      <c r="A176" s="2" t="s">
        <v>489</v>
      </c>
      <c r="B176" s="2" t="s">
        <v>13</v>
      </c>
      <c r="C176" s="32" t="s">
        <v>24</v>
      </c>
      <c r="D176" s="13" t="s">
        <v>13</v>
      </c>
      <c r="E176" s="13" t="s">
        <v>496</v>
      </c>
      <c r="F176" s="13" t="s">
        <v>109</v>
      </c>
      <c r="G176" s="13" t="s">
        <v>22</v>
      </c>
      <c r="H176" s="13"/>
      <c r="I176" s="29" t="s">
        <v>492</v>
      </c>
    </row>
    <row r="177" spans="1:9" ht="21.6" x14ac:dyDescent="0.2">
      <c r="A177" s="2" t="s">
        <v>497</v>
      </c>
      <c r="B177" s="2" t="s">
        <v>498</v>
      </c>
      <c r="C177" s="30" t="s">
        <v>497</v>
      </c>
      <c r="D177" s="13" t="s">
        <v>499</v>
      </c>
      <c r="E177" s="13" t="s">
        <v>500</v>
      </c>
      <c r="F177" s="13" t="s">
        <v>501</v>
      </c>
      <c r="G177" s="13"/>
      <c r="H177" s="13"/>
      <c r="I177" s="29" t="s">
        <v>502</v>
      </c>
    </row>
    <row r="178" spans="1:9" x14ac:dyDescent="0.2">
      <c r="A178" s="2" t="s">
        <v>497</v>
      </c>
      <c r="B178" s="2" t="s">
        <v>69</v>
      </c>
      <c r="C178" s="32" t="s">
        <v>24</v>
      </c>
      <c r="D178" s="15" t="s">
        <v>69</v>
      </c>
      <c r="E178" s="13" t="s">
        <v>503</v>
      </c>
      <c r="F178" s="13" t="s">
        <v>42</v>
      </c>
      <c r="G178" s="13"/>
      <c r="H178" s="13"/>
      <c r="I178" s="29" t="s">
        <v>504</v>
      </c>
    </row>
    <row r="179" spans="1:9" x14ac:dyDescent="0.2">
      <c r="A179" s="2" t="s">
        <v>505</v>
      </c>
      <c r="B179" s="2" t="s">
        <v>67</v>
      </c>
      <c r="C179" s="31" t="s">
        <v>24</v>
      </c>
      <c r="D179" s="16" t="s">
        <v>24</v>
      </c>
      <c r="E179" s="13" t="s">
        <v>506</v>
      </c>
      <c r="F179" s="13" t="s">
        <v>371</v>
      </c>
      <c r="G179" s="13"/>
      <c r="H179" s="13"/>
      <c r="I179" s="29" t="s">
        <v>507</v>
      </c>
    </row>
    <row r="180" spans="1:9" ht="32.4" x14ac:dyDescent="0.2">
      <c r="A180" s="2" t="s">
        <v>497</v>
      </c>
      <c r="B180" s="2" t="s">
        <v>95</v>
      </c>
      <c r="C180" s="32" t="s">
        <v>24</v>
      </c>
      <c r="D180" s="13" t="s">
        <v>95</v>
      </c>
      <c r="E180" s="13" t="s">
        <v>121</v>
      </c>
      <c r="F180" s="13" t="s">
        <v>42</v>
      </c>
      <c r="G180" s="13" t="s">
        <v>22</v>
      </c>
      <c r="H180" s="13"/>
      <c r="I180" s="29" t="s">
        <v>508</v>
      </c>
    </row>
    <row r="181" spans="1:9" x14ac:dyDescent="0.2">
      <c r="A181" s="2" t="s">
        <v>509</v>
      </c>
      <c r="B181" s="2" t="s">
        <v>140</v>
      </c>
      <c r="C181" s="28" t="s">
        <v>509</v>
      </c>
      <c r="D181" s="13" t="s">
        <v>140</v>
      </c>
      <c r="E181" s="13" t="s">
        <v>140</v>
      </c>
      <c r="F181" s="13" t="s">
        <v>21</v>
      </c>
      <c r="G181" s="13" t="s">
        <v>22</v>
      </c>
      <c r="H181" s="13"/>
      <c r="I181" s="29" t="s">
        <v>510</v>
      </c>
    </row>
    <row r="182" spans="1:9" ht="32.4" x14ac:dyDescent="0.2">
      <c r="A182" s="2" t="s">
        <v>511</v>
      </c>
      <c r="B182" s="2" t="s">
        <v>512</v>
      </c>
      <c r="C182" s="28" t="s">
        <v>511</v>
      </c>
      <c r="D182" s="13" t="s">
        <v>512</v>
      </c>
      <c r="E182" s="13" t="s">
        <v>15</v>
      </c>
      <c r="F182" s="13" t="s">
        <v>109</v>
      </c>
      <c r="G182" s="13" t="s">
        <v>22</v>
      </c>
      <c r="H182" s="13"/>
      <c r="I182" s="29" t="s">
        <v>513</v>
      </c>
    </row>
    <row r="183" spans="1:9" ht="21.6" x14ac:dyDescent="0.2">
      <c r="A183" s="2" t="s">
        <v>514</v>
      </c>
      <c r="B183" s="2" t="s">
        <v>515</v>
      </c>
      <c r="C183" s="30" t="s">
        <v>514</v>
      </c>
      <c r="D183" s="13" t="s">
        <v>515</v>
      </c>
      <c r="E183" s="13" t="s">
        <v>515</v>
      </c>
      <c r="F183" s="13" t="s">
        <v>42</v>
      </c>
      <c r="G183" s="13"/>
      <c r="H183" s="13"/>
      <c r="I183" s="29" t="s">
        <v>516</v>
      </c>
    </row>
    <row r="184" spans="1:9" x14ac:dyDescent="0.2">
      <c r="A184" s="2" t="s">
        <v>514</v>
      </c>
      <c r="B184" s="2" t="s">
        <v>54</v>
      </c>
      <c r="C184" s="32" t="s">
        <v>24</v>
      </c>
      <c r="D184" s="13" t="s">
        <v>55</v>
      </c>
      <c r="E184" s="13" t="s">
        <v>15</v>
      </c>
      <c r="F184" s="13" t="s">
        <v>145</v>
      </c>
      <c r="G184" s="13"/>
      <c r="H184" s="13"/>
      <c r="I184" s="29" t="s">
        <v>517</v>
      </c>
    </row>
    <row r="185" spans="1:9" ht="21.6" x14ac:dyDescent="0.2">
      <c r="A185" s="2" t="s">
        <v>518</v>
      </c>
      <c r="B185" s="2" t="s">
        <v>337</v>
      </c>
      <c r="C185" s="30" t="s">
        <v>518</v>
      </c>
      <c r="D185" s="15" t="s">
        <v>337</v>
      </c>
      <c r="E185" s="13" t="s">
        <v>337</v>
      </c>
      <c r="F185" s="13" t="s">
        <v>21</v>
      </c>
      <c r="G185" s="13"/>
      <c r="H185" s="13"/>
      <c r="I185" s="29" t="s">
        <v>519</v>
      </c>
    </row>
    <row r="186" spans="1:9" x14ac:dyDescent="0.2">
      <c r="A186" s="2" t="s">
        <v>518</v>
      </c>
      <c r="B186" s="2" t="s">
        <v>520</v>
      </c>
      <c r="C186" s="31" t="s">
        <v>24</v>
      </c>
      <c r="D186" s="16" t="s">
        <v>24</v>
      </c>
      <c r="E186" s="13" t="s">
        <v>521</v>
      </c>
      <c r="F186" s="13" t="s">
        <v>16</v>
      </c>
      <c r="G186" s="13"/>
      <c r="H186" s="13"/>
      <c r="I186" s="29" t="s">
        <v>522</v>
      </c>
    </row>
    <row r="187" spans="1:9" ht="23.4" customHeight="1" x14ac:dyDescent="0.2">
      <c r="A187" s="2" t="s">
        <v>518</v>
      </c>
      <c r="B187" s="2" t="s">
        <v>520</v>
      </c>
      <c r="C187" s="31" t="s">
        <v>24</v>
      </c>
      <c r="D187" s="16" t="s">
        <v>24</v>
      </c>
      <c r="E187" s="13" t="s">
        <v>523</v>
      </c>
      <c r="F187" s="13" t="s">
        <v>16</v>
      </c>
      <c r="G187" s="13"/>
      <c r="H187" s="13"/>
      <c r="I187" s="29" t="s">
        <v>524</v>
      </c>
    </row>
    <row r="188" spans="1:9" ht="70.2" customHeight="1" x14ac:dyDescent="0.2">
      <c r="A188" s="2" t="s">
        <v>525</v>
      </c>
      <c r="B188" s="2" t="s">
        <v>526</v>
      </c>
      <c r="C188" s="30" t="s">
        <v>525</v>
      </c>
      <c r="D188" s="13" t="s">
        <v>526</v>
      </c>
      <c r="E188" s="13" t="s">
        <v>526</v>
      </c>
      <c r="F188" s="13" t="s">
        <v>42</v>
      </c>
      <c r="G188" s="13" t="s">
        <v>22</v>
      </c>
      <c r="H188" s="13"/>
      <c r="I188" s="29" t="s">
        <v>527</v>
      </c>
    </row>
    <row r="189" spans="1:9" ht="21.6" x14ac:dyDescent="0.2">
      <c r="A189" s="2" t="s">
        <v>525</v>
      </c>
      <c r="B189" s="2" t="s">
        <v>54</v>
      </c>
      <c r="C189" s="32" t="s">
        <v>24</v>
      </c>
      <c r="D189" s="13" t="s">
        <v>55</v>
      </c>
      <c r="E189" s="13" t="s">
        <v>528</v>
      </c>
      <c r="F189" s="13" t="s">
        <v>461</v>
      </c>
      <c r="G189" s="13"/>
      <c r="H189" s="13"/>
      <c r="I189" s="29" t="s">
        <v>529</v>
      </c>
    </row>
    <row r="190" spans="1:9" ht="21.6" x14ac:dyDescent="0.2">
      <c r="A190" s="2" t="s">
        <v>525</v>
      </c>
      <c r="B190" s="2" t="s">
        <v>530</v>
      </c>
      <c r="C190" s="32" t="s">
        <v>24</v>
      </c>
      <c r="D190" s="13" t="s">
        <v>531</v>
      </c>
      <c r="E190" s="13" t="s">
        <v>531</v>
      </c>
      <c r="F190" s="13" t="s">
        <v>461</v>
      </c>
      <c r="G190" s="13"/>
      <c r="H190" s="13"/>
      <c r="I190" s="29" t="s">
        <v>532</v>
      </c>
    </row>
    <row r="191" spans="1:9" x14ac:dyDescent="0.2">
      <c r="A191" s="2" t="s">
        <v>533</v>
      </c>
      <c r="B191" s="2" t="s">
        <v>315</v>
      </c>
      <c r="C191" s="30" t="s">
        <v>533</v>
      </c>
      <c r="D191" s="13" t="s">
        <v>315</v>
      </c>
      <c r="E191" s="13" t="s">
        <v>315</v>
      </c>
      <c r="F191" s="13" t="s">
        <v>42</v>
      </c>
      <c r="G191" s="13"/>
      <c r="H191" s="13"/>
      <c r="I191" s="29" t="s">
        <v>534</v>
      </c>
    </row>
    <row r="192" spans="1:9" x14ac:dyDescent="0.2">
      <c r="A192" s="2" t="s">
        <v>533</v>
      </c>
      <c r="B192" s="2" t="s">
        <v>259</v>
      </c>
      <c r="C192" s="32" t="s">
        <v>24</v>
      </c>
      <c r="D192" s="13" t="s">
        <v>259</v>
      </c>
      <c r="E192" s="13" t="s">
        <v>259</v>
      </c>
      <c r="F192" s="13" t="s">
        <v>42</v>
      </c>
      <c r="G192" s="13"/>
      <c r="H192" s="13"/>
      <c r="I192" s="29" t="s">
        <v>535</v>
      </c>
    </row>
    <row r="193" spans="1:9" ht="32.4" x14ac:dyDescent="0.2">
      <c r="A193" s="2" t="s">
        <v>533</v>
      </c>
      <c r="B193" s="2" t="s">
        <v>536</v>
      </c>
      <c r="C193" s="32" t="s">
        <v>24</v>
      </c>
      <c r="D193" s="15" t="s">
        <v>537</v>
      </c>
      <c r="E193" s="13" t="s">
        <v>538</v>
      </c>
      <c r="F193" s="13" t="s">
        <v>16</v>
      </c>
      <c r="G193" s="13" t="s">
        <v>22</v>
      </c>
      <c r="H193" s="13"/>
      <c r="I193" s="29" t="s">
        <v>539</v>
      </c>
    </row>
    <row r="194" spans="1:9" ht="21.6" x14ac:dyDescent="0.2">
      <c r="A194" s="2" t="s">
        <v>533</v>
      </c>
      <c r="B194" s="2" t="s">
        <v>536</v>
      </c>
      <c r="C194" s="33" t="s">
        <v>24</v>
      </c>
      <c r="D194" s="22" t="s">
        <v>24</v>
      </c>
      <c r="E194" s="13" t="s">
        <v>537</v>
      </c>
      <c r="F194" s="13" t="s">
        <v>42</v>
      </c>
      <c r="G194" s="13"/>
      <c r="H194" s="13"/>
      <c r="I194" s="29" t="s">
        <v>540</v>
      </c>
    </row>
    <row r="195" spans="1:9" ht="59.4" customHeight="1" x14ac:dyDescent="0.2">
      <c r="A195" s="2" t="s">
        <v>541</v>
      </c>
      <c r="B195" s="2" t="s">
        <v>542</v>
      </c>
      <c r="C195" s="30" t="s">
        <v>541</v>
      </c>
      <c r="D195" s="13" t="s">
        <v>543</v>
      </c>
      <c r="E195" s="13" t="s">
        <v>544</v>
      </c>
      <c r="F195" s="13" t="s">
        <v>16</v>
      </c>
      <c r="G195" s="13" t="s">
        <v>61</v>
      </c>
      <c r="H195" s="13"/>
      <c r="I195" s="29" t="s">
        <v>545</v>
      </c>
    </row>
    <row r="196" spans="1:9" ht="32.4" x14ac:dyDescent="0.2">
      <c r="A196" s="2" t="s">
        <v>541</v>
      </c>
      <c r="B196" s="2" t="s">
        <v>54</v>
      </c>
      <c r="C196" s="32" t="s">
        <v>24</v>
      </c>
      <c r="D196" s="13" t="s">
        <v>55</v>
      </c>
      <c r="E196" s="13" t="s">
        <v>55</v>
      </c>
      <c r="F196" s="13" t="s">
        <v>16</v>
      </c>
      <c r="G196" s="13" t="s">
        <v>61</v>
      </c>
      <c r="H196" s="13"/>
      <c r="I196" s="29" t="s">
        <v>546</v>
      </c>
    </row>
    <row r="197" spans="1:9" ht="21.6" x14ac:dyDescent="0.2">
      <c r="A197" s="2" t="s">
        <v>547</v>
      </c>
      <c r="B197" s="2" t="s">
        <v>548</v>
      </c>
      <c r="C197" s="30" t="s">
        <v>549</v>
      </c>
      <c r="D197" s="13" t="s">
        <v>51</v>
      </c>
      <c r="E197" s="13" t="s">
        <v>550</v>
      </c>
      <c r="F197" s="13" t="s">
        <v>16</v>
      </c>
      <c r="G197" s="13"/>
      <c r="H197" s="13"/>
      <c r="I197" s="29" t="s">
        <v>551</v>
      </c>
    </row>
    <row r="198" spans="1:9" x14ac:dyDescent="0.2">
      <c r="A198" s="2" t="s">
        <v>547</v>
      </c>
      <c r="B198" s="2" t="s">
        <v>552</v>
      </c>
      <c r="C198" s="32" t="s">
        <v>24</v>
      </c>
      <c r="D198" s="13" t="s">
        <v>553</v>
      </c>
      <c r="E198" s="13" t="s">
        <v>553</v>
      </c>
      <c r="F198" s="13" t="s">
        <v>16</v>
      </c>
      <c r="G198" s="13"/>
      <c r="H198" s="13"/>
      <c r="I198" s="29" t="s">
        <v>554</v>
      </c>
    </row>
    <row r="199" spans="1:9" ht="21.6" x14ac:dyDescent="0.2">
      <c r="A199" s="2" t="s">
        <v>555</v>
      </c>
      <c r="B199" s="2" t="s">
        <v>556</v>
      </c>
      <c r="C199" s="28" t="s">
        <v>555</v>
      </c>
      <c r="D199" s="13" t="s">
        <v>556</v>
      </c>
      <c r="E199" s="13" t="s">
        <v>15</v>
      </c>
      <c r="F199" s="13" t="s">
        <v>21</v>
      </c>
      <c r="G199" s="13"/>
      <c r="H199" s="13"/>
      <c r="I199" s="29" t="s">
        <v>557</v>
      </c>
    </row>
    <row r="200" spans="1:9" ht="21.6" x14ac:dyDescent="0.2">
      <c r="A200" s="2" t="s">
        <v>558</v>
      </c>
      <c r="B200" s="2" t="s">
        <v>346</v>
      </c>
      <c r="C200" s="30" t="s">
        <v>558</v>
      </c>
      <c r="D200" s="13" t="s">
        <v>346</v>
      </c>
      <c r="E200" s="13" t="s">
        <v>346</v>
      </c>
      <c r="F200" s="13" t="s">
        <v>21</v>
      </c>
      <c r="G200" s="13"/>
      <c r="H200" s="13"/>
      <c r="I200" s="29" t="s">
        <v>559</v>
      </c>
    </row>
    <row r="201" spans="1:9" x14ac:dyDescent="0.2">
      <c r="A201" s="2" t="s">
        <v>558</v>
      </c>
      <c r="B201" s="2" t="s">
        <v>108</v>
      </c>
      <c r="C201" s="32" t="s">
        <v>24</v>
      </c>
      <c r="D201" s="13" t="s">
        <v>108</v>
      </c>
      <c r="E201" s="13" t="s">
        <v>108</v>
      </c>
      <c r="F201" s="13" t="s">
        <v>16</v>
      </c>
      <c r="G201" s="13"/>
      <c r="H201" s="13"/>
      <c r="I201" s="29" t="s">
        <v>560</v>
      </c>
    </row>
    <row r="202" spans="1:9" ht="17.399999999999999" customHeight="1" x14ac:dyDescent="0.2">
      <c r="A202" s="2" t="s">
        <v>561</v>
      </c>
      <c r="B202" s="2" t="s">
        <v>40</v>
      </c>
      <c r="C202" s="30" t="s">
        <v>561</v>
      </c>
      <c r="D202" s="15" t="s">
        <v>40</v>
      </c>
      <c r="E202" s="15" t="s">
        <v>562</v>
      </c>
      <c r="F202" s="13" t="s">
        <v>21</v>
      </c>
      <c r="G202" s="13" t="s">
        <v>22</v>
      </c>
      <c r="H202" s="13"/>
      <c r="I202" s="29" t="s">
        <v>563</v>
      </c>
    </row>
    <row r="203" spans="1:9" ht="15" customHeight="1" x14ac:dyDescent="0.2">
      <c r="A203" s="2" t="s">
        <v>561</v>
      </c>
      <c r="B203" s="2" t="s">
        <v>40</v>
      </c>
      <c r="C203" s="31" t="s">
        <v>24</v>
      </c>
      <c r="D203" s="17" t="s">
        <v>24</v>
      </c>
      <c r="E203" s="16" t="s">
        <v>24</v>
      </c>
      <c r="F203" s="14" t="s">
        <v>42</v>
      </c>
      <c r="G203" s="13"/>
      <c r="H203" s="13"/>
      <c r="I203" s="29" t="s">
        <v>564</v>
      </c>
    </row>
    <row r="204" spans="1:9" x14ac:dyDescent="0.2">
      <c r="A204" s="2" t="s">
        <v>565</v>
      </c>
      <c r="B204" s="2" t="s">
        <v>40</v>
      </c>
      <c r="C204" s="30" t="s">
        <v>565</v>
      </c>
      <c r="D204" s="13" t="s">
        <v>40</v>
      </c>
      <c r="E204" s="13" t="s">
        <v>255</v>
      </c>
      <c r="F204" s="13" t="s">
        <v>42</v>
      </c>
      <c r="G204" s="13"/>
      <c r="H204" s="13"/>
      <c r="I204" s="29" t="s">
        <v>566</v>
      </c>
    </row>
    <row r="205" spans="1:9" ht="21.6" x14ac:dyDescent="0.2">
      <c r="A205" s="2" t="s">
        <v>565</v>
      </c>
      <c r="B205" s="2" t="s">
        <v>259</v>
      </c>
      <c r="C205" s="32" t="s">
        <v>24</v>
      </c>
      <c r="D205" s="15" t="s">
        <v>259</v>
      </c>
      <c r="E205" s="13" t="s">
        <v>567</v>
      </c>
      <c r="F205" s="13" t="s">
        <v>42</v>
      </c>
      <c r="G205" s="13"/>
      <c r="H205" s="13"/>
      <c r="I205" s="29" t="s">
        <v>568</v>
      </c>
    </row>
    <row r="206" spans="1:9" x14ac:dyDescent="0.2">
      <c r="A206" s="2" t="s">
        <v>565</v>
      </c>
      <c r="B206" s="2" t="s">
        <v>259</v>
      </c>
      <c r="C206" s="31" t="s">
        <v>24</v>
      </c>
      <c r="D206" s="16" t="s">
        <v>24</v>
      </c>
      <c r="E206" s="13" t="s">
        <v>569</v>
      </c>
      <c r="F206" s="13" t="s">
        <v>42</v>
      </c>
      <c r="G206" s="13"/>
      <c r="H206" s="13"/>
      <c r="I206" s="29" t="s">
        <v>570</v>
      </c>
    </row>
    <row r="207" spans="1:9" x14ac:dyDescent="0.2">
      <c r="A207" s="2" t="s">
        <v>565</v>
      </c>
      <c r="B207" s="2" t="s">
        <v>148</v>
      </c>
      <c r="C207" s="32" t="s">
        <v>24</v>
      </c>
      <c r="D207" s="13" t="s">
        <v>148</v>
      </c>
      <c r="E207" s="13" t="s">
        <v>571</v>
      </c>
      <c r="F207" s="13" t="s">
        <v>42</v>
      </c>
      <c r="G207" s="13"/>
      <c r="H207" s="13"/>
      <c r="I207" s="29" t="s">
        <v>572</v>
      </c>
    </row>
    <row r="208" spans="1:9" ht="52.2" customHeight="1" x14ac:dyDescent="0.2">
      <c r="A208" s="2" t="s">
        <v>573</v>
      </c>
      <c r="B208" s="2" t="s">
        <v>531</v>
      </c>
      <c r="C208" s="30" t="s">
        <v>573</v>
      </c>
      <c r="D208" s="15" t="s">
        <v>531</v>
      </c>
      <c r="E208" s="13" t="s">
        <v>531</v>
      </c>
      <c r="F208" s="13" t="s">
        <v>21</v>
      </c>
      <c r="G208" s="13" t="s">
        <v>574</v>
      </c>
      <c r="H208" s="13"/>
      <c r="I208" s="29" t="s">
        <v>575</v>
      </c>
    </row>
    <row r="209" spans="1:9" ht="41.4" customHeight="1" x14ac:dyDescent="0.2">
      <c r="A209" s="2" t="s">
        <v>573</v>
      </c>
      <c r="B209" s="2" t="s">
        <v>531</v>
      </c>
      <c r="C209" s="31" t="s">
        <v>24</v>
      </c>
      <c r="D209" s="16" t="s">
        <v>24</v>
      </c>
      <c r="E209" s="13" t="s">
        <v>576</v>
      </c>
      <c r="F209" s="13" t="s">
        <v>21</v>
      </c>
      <c r="G209" s="13" t="s">
        <v>574</v>
      </c>
      <c r="H209" s="13"/>
      <c r="I209" s="29" t="s">
        <v>577</v>
      </c>
    </row>
    <row r="210" spans="1:9" ht="21.6" x14ac:dyDescent="0.2">
      <c r="A210" s="2" t="s">
        <v>578</v>
      </c>
      <c r="B210" s="2" t="s">
        <v>69</v>
      </c>
      <c r="C210" s="30" t="s">
        <v>578</v>
      </c>
      <c r="D210" s="15" t="s">
        <v>69</v>
      </c>
      <c r="E210" s="13" t="s">
        <v>579</v>
      </c>
      <c r="F210" s="13" t="s">
        <v>580</v>
      </c>
      <c r="G210" s="13"/>
      <c r="H210" s="13"/>
      <c r="I210" s="29" t="s">
        <v>581</v>
      </c>
    </row>
    <row r="211" spans="1:9" ht="32.4" x14ac:dyDescent="0.2">
      <c r="A211" s="2" t="s">
        <v>578</v>
      </c>
      <c r="B211" s="2" t="s">
        <v>69</v>
      </c>
      <c r="C211" s="31" t="s">
        <v>24</v>
      </c>
      <c r="D211" s="16" t="s">
        <v>24</v>
      </c>
      <c r="E211" s="13" t="s">
        <v>582</v>
      </c>
      <c r="F211" s="13" t="s">
        <v>16</v>
      </c>
      <c r="G211" s="13"/>
      <c r="H211" s="13"/>
      <c r="I211" s="29" t="s">
        <v>583</v>
      </c>
    </row>
    <row r="212" spans="1:9" ht="21.6" x14ac:dyDescent="0.2">
      <c r="A212" s="2" t="s">
        <v>578</v>
      </c>
      <c r="B212" s="2" t="s">
        <v>69</v>
      </c>
      <c r="C212" s="31" t="s">
        <v>24</v>
      </c>
      <c r="D212" s="16" t="s">
        <v>24</v>
      </c>
      <c r="E212" s="13" t="s">
        <v>584</v>
      </c>
      <c r="F212" s="13" t="s">
        <v>585</v>
      </c>
      <c r="G212" s="13"/>
      <c r="H212" s="13"/>
      <c r="I212" s="29" t="s">
        <v>586</v>
      </c>
    </row>
    <row r="213" spans="1:9" ht="32.4" x14ac:dyDescent="0.2">
      <c r="A213" s="2" t="s">
        <v>578</v>
      </c>
      <c r="B213" s="2" t="s">
        <v>69</v>
      </c>
      <c r="C213" s="31" t="s">
        <v>24</v>
      </c>
      <c r="D213" s="16" t="s">
        <v>24</v>
      </c>
      <c r="E213" s="13" t="s">
        <v>587</v>
      </c>
      <c r="F213" s="13" t="s">
        <v>16</v>
      </c>
      <c r="G213" s="13"/>
      <c r="H213" s="13"/>
      <c r="I213" s="29" t="s">
        <v>588</v>
      </c>
    </row>
    <row r="214" spans="1:9" ht="32.4" x14ac:dyDescent="0.2">
      <c r="A214" s="2" t="s">
        <v>578</v>
      </c>
      <c r="B214" s="2" t="s">
        <v>69</v>
      </c>
      <c r="C214" s="31" t="s">
        <v>24</v>
      </c>
      <c r="D214" s="16" t="s">
        <v>24</v>
      </c>
      <c r="E214" s="13" t="s">
        <v>589</v>
      </c>
      <c r="F214" s="13" t="s">
        <v>16</v>
      </c>
      <c r="G214" s="13"/>
      <c r="H214" s="13"/>
      <c r="I214" s="29" t="s">
        <v>590</v>
      </c>
    </row>
    <row r="215" spans="1:9" x14ac:dyDescent="0.2">
      <c r="A215" s="2" t="s">
        <v>578</v>
      </c>
      <c r="B215" s="2" t="s">
        <v>69</v>
      </c>
      <c r="C215" s="31" t="s">
        <v>24</v>
      </c>
      <c r="D215" s="16" t="s">
        <v>24</v>
      </c>
      <c r="E215" s="13" t="s">
        <v>591</v>
      </c>
      <c r="F215" s="13" t="s">
        <v>42</v>
      </c>
      <c r="G215" s="13"/>
      <c r="H215" s="13"/>
      <c r="I215" s="29" t="s">
        <v>592</v>
      </c>
    </row>
    <row r="216" spans="1:9" x14ac:dyDescent="0.2">
      <c r="A216" s="2" t="s">
        <v>578</v>
      </c>
      <c r="B216" s="2" t="s">
        <v>69</v>
      </c>
      <c r="C216" s="31" t="s">
        <v>24</v>
      </c>
      <c r="D216" s="16" t="s">
        <v>24</v>
      </c>
      <c r="E216" s="13" t="s">
        <v>593</v>
      </c>
      <c r="F216" s="13" t="s">
        <v>16</v>
      </c>
      <c r="G216" s="13"/>
      <c r="H216" s="13"/>
      <c r="I216" s="29" t="s">
        <v>594</v>
      </c>
    </row>
    <row r="217" spans="1:9" x14ac:dyDescent="0.2">
      <c r="A217" s="2" t="s">
        <v>578</v>
      </c>
      <c r="B217" s="2" t="s">
        <v>69</v>
      </c>
      <c r="C217" s="31" t="s">
        <v>24</v>
      </c>
      <c r="D217" s="16" t="s">
        <v>24</v>
      </c>
      <c r="E217" s="13" t="s">
        <v>205</v>
      </c>
      <c r="F217" s="13" t="s">
        <v>16</v>
      </c>
      <c r="G217" s="13"/>
      <c r="H217" s="13"/>
      <c r="I217" s="29" t="s">
        <v>595</v>
      </c>
    </row>
    <row r="218" spans="1:9" ht="32.4" x14ac:dyDescent="0.2">
      <c r="A218" s="2" t="s">
        <v>596</v>
      </c>
      <c r="B218" s="2" t="s">
        <v>597</v>
      </c>
      <c r="C218" s="28" t="s">
        <v>596</v>
      </c>
      <c r="D218" s="13" t="s">
        <v>597</v>
      </c>
      <c r="E218" s="13" t="s">
        <v>297</v>
      </c>
      <c r="F218" s="13" t="s">
        <v>42</v>
      </c>
      <c r="G218" s="13" t="s">
        <v>22</v>
      </c>
      <c r="H218" s="13"/>
      <c r="I218" s="29" t="s">
        <v>598</v>
      </c>
    </row>
    <row r="219" spans="1:9" ht="21.6" x14ac:dyDescent="0.2">
      <c r="A219" s="2" t="s">
        <v>599</v>
      </c>
      <c r="B219" s="2" t="s">
        <v>600</v>
      </c>
      <c r="C219" s="30" t="s">
        <v>599</v>
      </c>
      <c r="D219" s="15" t="s">
        <v>600</v>
      </c>
      <c r="E219" s="15" t="s">
        <v>601</v>
      </c>
      <c r="F219" s="13" t="s">
        <v>21</v>
      </c>
      <c r="G219" s="13" t="s">
        <v>22</v>
      </c>
      <c r="H219" s="13"/>
      <c r="I219" s="29" t="s">
        <v>602</v>
      </c>
    </row>
    <row r="220" spans="1:9" ht="32.4" x14ac:dyDescent="0.2">
      <c r="A220" s="2" t="s">
        <v>599</v>
      </c>
      <c r="B220" s="2" t="s">
        <v>600</v>
      </c>
      <c r="C220" s="31" t="s">
        <v>24</v>
      </c>
      <c r="D220" s="17" t="s">
        <v>24</v>
      </c>
      <c r="E220" s="16" t="s">
        <v>24</v>
      </c>
      <c r="F220" s="14" t="s">
        <v>42</v>
      </c>
      <c r="G220" s="13" t="s">
        <v>603</v>
      </c>
      <c r="H220" s="13"/>
      <c r="I220" s="29" t="s">
        <v>604</v>
      </c>
    </row>
    <row r="221" spans="1:9" ht="82.95" customHeight="1" x14ac:dyDescent="0.2">
      <c r="A221" s="2" t="s">
        <v>605</v>
      </c>
      <c r="B221" s="2" t="s">
        <v>143</v>
      </c>
      <c r="C221" s="30" t="s">
        <v>605</v>
      </c>
      <c r="D221" s="13" t="s">
        <v>143</v>
      </c>
      <c r="E221" s="13" t="s">
        <v>143</v>
      </c>
      <c r="F221" s="13" t="s">
        <v>42</v>
      </c>
      <c r="G221" s="13" t="s">
        <v>22</v>
      </c>
      <c r="H221" s="13"/>
      <c r="I221" s="29" t="s">
        <v>606</v>
      </c>
    </row>
    <row r="222" spans="1:9" ht="21.6" x14ac:dyDescent="0.2">
      <c r="A222" s="2" t="s">
        <v>605</v>
      </c>
      <c r="B222" s="2" t="s">
        <v>607</v>
      </c>
      <c r="C222" s="32" t="s">
        <v>24</v>
      </c>
      <c r="D222" s="13" t="s">
        <v>607</v>
      </c>
      <c r="E222" s="13" t="s">
        <v>607</v>
      </c>
      <c r="F222" s="13" t="s">
        <v>42</v>
      </c>
      <c r="G222" s="13" t="s">
        <v>61</v>
      </c>
      <c r="H222" s="13"/>
      <c r="I222" s="29" t="s">
        <v>608</v>
      </c>
    </row>
    <row r="223" spans="1:9" ht="21.6" x14ac:dyDescent="0.2">
      <c r="A223" s="2" t="s">
        <v>605</v>
      </c>
      <c r="B223" s="2" t="s">
        <v>609</v>
      </c>
      <c r="C223" s="32" t="s">
        <v>24</v>
      </c>
      <c r="D223" s="13" t="s">
        <v>610</v>
      </c>
      <c r="E223" s="13" t="s">
        <v>610</v>
      </c>
      <c r="F223" s="13" t="s">
        <v>42</v>
      </c>
      <c r="G223" s="13"/>
      <c r="H223" s="13"/>
      <c r="I223" s="29" t="s">
        <v>611</v>
      </c>
    </row>
    <row r="224" spans="1:9" ht="22.2" customHeight="1" x14ac:dyDescent="0.2">
      <c r="A224" s="2" t="s">
        <v>612</v>
      </c>
      <c r="B224" s="2" t="s">
        <v>40</v>
      </c>
      <c r="C224" s="30" t="s">
        <v>612</v>
      </c>
      <c r="D224" s="13" t="s">
        <v>40</v>
      </c>
      <c r="E224" s="13" t="s">
        <v>41</v>
      </c>
      <c r="F224" s="13" t="s">
        <v>42</v>
      </c>
      <c r="G224" s="13"/>
      <c r="H224" s="13"/>
      <c r="I224" s="29" t="s">
        <v>613</v>
      </c>
    </row>
    <row r="225" spans="1:9" ht="22.2" customHeight="1" x14ac:dyDescent="0.2">
      <c r="A225" s="2" t="s">
        <v>612</v>
      </c>
      <c r="B225" s="2" t="s">
        <v>142</v>
      </c>
      <c r="C225" s="32" t="s">
        <v>24</v>
      </c>
      <c r="D225" s="13" t="s">
        <v>143</v>
      </c>
      <c r="E225" s="13" t="s">
        <v>614</v>
      </c>
      <c r="F225" s="13" t="s">
        <v>145</v>
      </c>
      <c r="G225" s="13"/>
      <c r="H225" s="13"/>
      <c r="I225" s="29" t="s">
        <v>615</v>
      </c>
    </row>
    <row r="226" spans="1:9" x14ac:dyDescent="0.2">
      <c r="A226" s="2" t="s">
        <v>616</v>
      </c>
      <c r="B226" s="2" t="s">
        <v>617</v>
      </c>
      <c r="C226" s="30" t="s">
        <v>616</v>
      </c>
      <c r="D226" s="13" t="s">
        <v>40</v>
      </c>
      <c r="E226" s="13" t="s">
        <v>618</v>
      </c>
      <c r="F226" s="13" t="s">
        <v>145</v>
      </c>
      <c r="G226" s="13"/>
      <c r="H226" s="13"/>
      <c r="I226" s="29" t="s">
        <v>619</v>
      </c>
    </row>
    <row r="227" spans="1:9" x14ac:dyDescent="0.2">
      <c r="A227" s="2" t="s">
        <v>616</v>
      </c>
      <c r="B227" s="2" t="s">
        <v>620</v>
      </c>
      <c r="C227" s="32" t="s">
        <v>24</v>
      </c>
      <c r="D227" s="13" t="s">
        <v>620</v>
      </c>
      <c r="E227" s="13" t="s">
        <v>620</v>
      </c>
      <c r="F227" s="13" t="s">
        <v>109</v>
      </c>
      <c r="G227" s="13"/>
      <c r="H227" s="13"/>
      <c r="I227" s="29" t="s">
        <v>621</v>
      </c>
    </row>
    <row r="228" spans="1:9" ht="25.95" customHeight="1" x14ac:dyDescent="0.2">
      <c r="A228" s="2" t="s">
        <v>622</v>
      </c>
      <c r="B228" s="2" t="s">
        <v>259</v>
      </c>
      <c r="C228" s="28" t="s">
        <v>622</v>
      </c>
      <c r="D228" s="13" t="s">
        <v>259</v>
      </c>
      <c r="E228" s="13" t="s">
        <v>623</v>
      </c>
      <c r="F228" s="13" t="s">
        <v>42</v>
      </c>
      <c r="G228" s="13"/>
      <c r="H228" s="13"/>
      <c r="I228" s="29" t="s">
        <v>624</v>
      </c>
    </row>
    <row r="229" spans="1:9" ht="21.6" x14ac:dyDescent="0.2">
      <c r="A229" s="2" t="s">
        <v>625</v>
      </c>
      <c r="B229" s="2" t="s">
        <v>108</v>
      </c>
      <c r="C229" s="28" t="s">
        <v>625</v>
      </c>
      <c r="D229" s="13" t="s">
        <v>108</v>
      </c>
      <c r="E229" s="13" t="s">
        <v>108</v>
      </c>
      <c r="F229" s="13" t="s">
        <v>109</v>
      </c>
      <c r="G229" s="13"/>
      <c r="H229" s="13"/>
      <c r="I229" s="29" t="s">
        <v>626</v>
      </c>
    </row>
    <row r="230" spans="1:9" ht="21.6" x14ac:dyDescent="0.2">
      <c r="A230" s="2" t="s">
        <v>627</v>
      </c>
      <c r="B230" s="2" t="s">
        <v>472</v>
      </c>
      <c r="C230" s="30" t="s">
        <v>627</v>
      </c>
      <c r="D230" s="13" t="s">
        <v>472</v>
      </c>
      <c r="E230" s="13" t="s">
        <v>628</v>
      </c>
      <c r="F230" s="13" t="s">
        <v>42</v>
      </c>
      <c r="G230" s="13"/>
      <c r="H230" s="13"/>
      <c r="I230" s="29" t="s">
        <v>629</v>
      </c>
    </row>
    <row r="231" spans="1:9" x14ac:dyDescent="0.2">
      <c r="A231" s="2" t="s">
        <v>627</v>
      </c>
      <c r="B231" s="2" t="s">
        <v>55</v>
      </c>
      <c r="C231" s="32" t="s">
        <v>24</v>
      </c>
      <c r="D231" s="15" t="s">
        <v>55</v>
      </c>
      <c r="E231" s="13" t="s">
        <v>55</v>
      </c>
      <c r="F231" s="13" t="s">
        <v>42</v>
      </c>
      <c r="G231" s="13"/>
      <c r="H231" s="13"/>
      <c r="I231" s="29" t="s">
        <v>630</v>
      </c>
    </row>
    <row r="232" spans="1:9" ht="21.6" x14ac:dyDescent="0.2">
      <c r="A232" s="2" t="s">
        <v>627</v>
      </c>
      <c r="B232" s="2" t="s">
        <v>55</v>
      </c>
      <c r="C232" s="31" t="s">
        <v>24</v>
      </c>
      <c r="D232" s="16" t="s">
        <v>24</v>
      </c>
      <c r="E232" s="13" t="s">
        <v>631</v>
      </c>
      <c r="F232" s="13" t="s">
        <v>42</v>
      </c>
      <c r="G232" s="13"/>
      <c r="H232" s="13"/>
      <c r="I232" s="29" t="s">
        <v>632</v>
      </c>
    </row>
    <row r="233" spans="1:9" ht="21.6" x14ac:dyDescent="0.2">
      <c r="A233" s="2" t="s">
        <v>633</v>
      </c>
      <c r="B233" s="2" t="s">
        <v>634</v>
      </c>
      <c r="C233" s="30" t="s">
        <v>635</v>
      </c>
      <c r="D233" s="13" t="s">
        <v>636</v>
      </c>
      <c r="E233" s="13" t="s">
        <v>637</v>
      </c>
      <c r="F233" s="13" t="s">
        <v>145</v>
      </c>
      <c r="G233" s="13"/>
      <c r="H233" s="13" t="s">
        <v>57</v>
      </c>
      <c r="I233" s="29"/>
    </row>
    <row r="234" spans="1:9" ht="21.6" x14ac:dyDescent="0.2">
      <c r="A234" s="2" t="s">
        <v>633</v>
      </c>
      <c r="B234" s="2" t="s">
        <v>220</v>
      </c>
      <c r="C234" s="32" t="s">
        <v>24</v>
      </c>
      <c r="D234" s="13" t="s">
        <v>220</v>
      </c>
      <c r="E234" s="13" t="s">
        <v>638</v>
      </c>
      <c r="F234" s="13" t="s">
        <v>16</v>
      </c>
      <c r="G234" s="13"/>
      <c r="H234" s="13"/>
      <c r="I234" s="29" t="s">
        <v>639</v>
      </c>
    </row>
    <row r="235" spans="1:9" ht="21.6" x14ac:dyDescent="0.2">
      <c r="A235" s="2" t="s">
        <v>640</v>
      </c>
      <c r="B235" s="2" t="s">
        <v>140</v>
      </c>
      <c r="C235" s="28" t="s">
        <v>640</v>
      </c>
      <c r="D235" s="13" t="s">
        <v>140</v>
      </c>
      <c r="E235" s="13" t="s">
        <v>15</v>
      </c>
      <c r="F235" s="13" t="s">
        <v>109</v>
      </c>
      <c r="G235" s="13"/>
      <c r="H235" s="13" t="s">
        <v>57</v>
      </c>
      <c r="I235" s="29" t="s">
        <v>641</v>
      </c>
    </row>
    <row r="236" spans="1:9" ht="21.6" x14ac:dyDescent="0.2">
      <c r="A236" s="2" t="s">
        <v>642</v>
      </c>
      <c r="B236" s="2" t="s">
        <v>67</v>
      </c>
      <c r="C236" s="30" t="s">
        <v>643</v>
      </c>
      <c r="D236" s="13" t="s">
        <v>69</v>
      </c>
      <c r="E236" s="13" t="s">
        <v>644</v>
      </c>
      <c r="F236" s="13" t="s">
        <v>16</v>
      </c>
      <c r="G236" s="13"/>
      <c r="H236" s="13"/>
      <c r="I236" s="29" t="s">
        <v>645</v>
      </c>
    </row>
    <row r="237" spans="1:9" ht="21.6" x14ac:dyDescent="0.2">
      <c r="A237" s="2" t="s">
        <v>642</v>
      </c>
      <c r="B237" s="2" t="s">
        <v>94</v>
      </c>
      <c r="C237" s="35" t="s">
        <v>24</v>
      </c>
      <c r="D237" s="36" t="s">
        <v>95</v>
      </c>
      <c r="E237" s="36" t="s">
        <v>646</v>
      </c>
      <c r="F237" s="36" t="s">
        <v>585</v>
      </c>
      <c r="G237" s="36"/>
      <c r="H237" s="36"/>
      <c r="I237" s="37" t="s">
        <v>647</v>
      </c>
    </row>
  </sheetData>
  <autoFilter ref="A9:I237" xr:uid="{00000000-0001-0000-0000-000000000000}"/>
  <customSheetViews>
    <customSheetView guid="{4F2BD9A2-7BB1-4799-9C83-73E50481EDB8}" scale="110" showPageBreaks="1" fitToPage="1" printArea="1" showAutoFilter="1" hiddenColumns="1" showRuler="0">
      <pane ySplit="8" topLeftCell="A9" activePane="bottomLeft" state="frozenSplit"/>
      <selection pane="bottomLeft" activeCell="F15" sqref="F15"/>
      <pageMargins left="0" right="0" top="0" bottom="0" header="0" footer="0"/>
      <printOptions horizontalCentered="1"/>
      <pageSetup paperSize="9" scale="98" fitToHeight="0" orientation="landscape" r:id="rId1"/>
      <headerFooter alignWithMargins="0">
        <oddFooter>&amp;L&amp;P/&amp;N&amp;C&amp;G&amp;R&amp;6©Ｋａｗａｉｊｕｋｕ Ｅｄｕｃａｔｉｏｎａｌ Ｉｎｓｔｉｔｕｔｉｏｎ.</oddFooter>
      </headerFooter>
      <autoFilter ref="E8:M258" xr:uid="{46BE2F64-0C1E-4A0D-A736-4F7EABA015CF}"/>
    </customSheetView>
    <customSheetView guid="{6E18844F-DBD2-453B-A6B1-A55838EB3737}" scale="110" fitToPage="1" showAutoFilter="1" hiddenColumns="1" showRuler="0">
      <pane ySplit="8" topLeftCell="A173" activePane="bottomLeft" state="frozenSplit"/>
      <selection pane="bottomLeft" activeCell="K174" sqref="K174"/>
      <pageMargins left="0" right="0" top="0" bottom="0" header="0" footer="0"/>
      <printOptions horizontalCentered="1"/>
      <pageSetup paperSize="9" scale="98" fitToHeight="0" orientation="landscape" r:id="rId2"/>
      <headerFooter alignWithMargins="0">
        <oddFooter>&amp;L&amp;P/&amp;N&amp;C&amp;G&amp;R&amp;6©Ｋａｗａｉｊｕｋｕ Ｅｄｕｃａｔｉｏｎａｌ Ｉｎｓｔｉｔｕｔｉｏｎ.</oddFooter>
      </headerFooter>
      <autoFilter ref="E8:M259" xr:uid="{54A1217D-C0DF-41B3-AC6F-496E6BEC3DDD}"/>
    </customSheetView>
    <customSheetView guid="{230DB1A8-8555-4DB2-9ABA-765937791049}" scale="110" fitToPage="1" showAutoFilter="1" hiddenColumns="1" showRuler="0" topLeftCell="C1">
      <pane ySplit="8" topLeftCell="A123" activePane="bottomLeft" state="frozenSplit"/>
      <selection pane="bottomLeft" activeCell="E130" sqref="E130:M130"/>
      <pageMargins left="0" right="0" top="0" bottom="0" header="0" footer="0"/>
      <printOptions horizontalCentered="1"/>
      <pageSetup paperSize="9" scale="98" fitToHeight="0" orientation="landscape" r:id="rId3"/>
      <headerFooter alignWithMargins="0">
        <oddFooter>&amp;L&amp;P/&amp;N&amp;C&amp;G&amp;R&amp;6©Ｋａｗａｉｊｕｋｕ Ｅｄｕｃａｔｉｏｎａｌ Ｉｎｓｔｉｔｕｔｉｏｎ.</oddFooter>
      </headerFooter>
      <autoFilter ref="A8:Q274" xr:uid="{8A654FE1-E60D-4AE9-8713-0920FB681E2D}"/>
    </customSheetView>
    <customSheetView guid="{D262C9C4-9059-4ED9-B68C-C7BF0D5DCA04}" fitToPage="1" showAutoFilter="1" showRuler="0">
      <pane ySplit="17.366666666666667" topLeftCell="A265"/>
      <selection activeCell="M173" sqref="M173"/>
      <pageMargins left="0" right="0" top="0" bottom="0" header="0" footer="0"/>
      <printOptions horizontalCentered="1"/>
      <pageSetup paperSize="9" scale="39" fitToHeight="0" orientation="portrait" r:id="rId4"/>
      <headerFooter alignWithMargins="0"/>
      <autoFilter ref="A8:Q264" xr:uid="{CB2D86DE-2540-4FE1-9E7A-21674A3631FD}"/>
    </customSheetView>
    <customSheetView guid="{E6BD01FB-7F91-4E35-A8B5-EBCBF42FD773}" showPageBreaks="1" fitToPage="1" showAutoFilter="1" showRuler="0" topLeftCell="B1">
      <pane ySplit="3" topLeftCell="A4" activePane="bottomLeft" state="frozenSplit"/>
      <selection pane="bottomLeft" activeCell="M68" sqref="D6:M68"/>
      <pageMargins left="0" right="0" top="0" bottom="0" header="0" footer="0"/>
      <printOptions horizontalCentered="1"/>
      <pageSetup paperSize="9" scale="39" fitToHeight="0" orientation="portrait" r:id="rId5"/>
      <headerFooter alignWithMargins="0"/>
      <autoFilter ref="A8:Q264" xr:uid="{5080737C-BED3-4C43-A8A8-07B0E78D5EC0}"/>
    </customSheetView>
    <customSheetView guid="{EADD5495-D672-4A24-B67F-EEB8DEBC3D36}" showPageBreaks="1" fitToPage="1" showAutoFilter="1" showRuler="0">
      <pane ySplit="3" topLeftCell="A89" activePane="bottomLeft" state="frozenSplit"/>
      <selection pane="bottomLeft" activeCell="A95" sqref="A95:IV95"/>
      <pageMargins left="0" right="0" top="0" bottom="0" header="0" footer="0"/>
      <printOptions horizontalCentered="1"/>
      <pageSetup paperSize="9" scale="45" fitToHeight="0" orientation="portrait" r:id="rId6"/>
      <headerFooter alignWithMargins="0"/>
      <autoFilter ref="B1:O1" xr:uid="{6CE66E4C-3D57-48B7-AB91-30F4EFE667E1}"/>
    </customSheetView>
    <customSheetView guid="{BB37306E-EC91-46D4-933C-1D3D5644414B}" showPageBreaks="1" fitToPage="1" printArea="1" showAutoFilter="1" hiddenColumns="1" showRuler="0">
      <pane ySplit="3" topLeftCell="A19" activePane="bottomLeft" state="frozenSplit"/>
      <selection pane="bottomLeft" activeCell="C12" sqref="C12"/>
      <pageMargins left="0" right="0" top="0" bottom="0" header="0" footer="0"/>
      <printOptions horizontalCentered="1"/>
      <pageSetup paperSize="9" scale="88" fitToHeight="0" orientation="portrait" r:id="rId7"/>
      <headerFooter alignWithMargins="0"/>
      <autoFilter ref="B1:L1" xr:uid="{0F41B24A-A982-4DF7-A266-EC85352DE593}"/>
    </customSheetView>
    <customSheetView guid="{BF7EA2EF-BFAC-4B99-9621-821500446084}" showPageBreaks="1" fitToPage="1" showAutoFilter="1" showRuler="0">
      <pane ySplit="3" topLeftCell="A217" activePane="bottomLeft" state="frozenSplit"/>
      <selection pane="bottomLeft" activeCell="G224" sqref="G224"/>
      <pageMargins left="0" right="0" top="0" bottom="0" header="0" footer="0"/>
      <printOptions horizontalCentered="1"/>
      <pageSetup paperSize="9" scale="45" fitToHeight="0" orientation="portrait" r:id="rId8"/>
      <headerFooter alignWithMargins="0"/>
      <autoFilter ref="B1:O1" xr:uid="{6799FA75-B0C5-4D16-8770-B7CDE0D987C4}"/>
    </customSheetView>
    <customSheetView guid="{3547F478-967A-4309-9B43-AB2A68804AF7}" showPageBreaks="1" fitToPage="1" showAutoFilter="1" showRuler="0" topLeftCell="C1">
      <pane ySplit="3" topLeftCell="A245" activePane="bottomLeft" state="frozenSplit"/>
      <selection pane="bottomLeft" activeCell="C256" sqref="C256:K257"/>
      <pageMargins left="0" right="0" top="0" bottom="0" header="0" footer="0"/>
      <printOptions horizontalCentered="1"/>
      <pageSetup paperSize="9" scale="45" fitToHeight="0" orientation="portrait" r:id="rId9"/>
      <headerFooter alignWithMargins="0"/>
      <autoFilter ref="B1:O1" xr:uid="{957B50DC-66D0-4695-8CBF-E7C73E35F595}"/>
    </customSheetView>
    <customSheetView guid="{175DAF00-FEAC-4E49-8CE7-F4839D464184}" fitToPage="1" showAutoFilter="1" hiddenColumns="1" showRuler="0">
      <pane ySplit="3" topLeftCell="A4" activePane="bottomLeft" state="frozenSplit"/>
      <selection pane="bottomLeft" activeCell="K9" sqref="K8:K9"/>
      <pageMargins left="0" right="0" top="0" bottom="0" header="0" footer="0"/>
      <printOptions horizontalCentered="1"/>
      <pageSetup paperSize="9" scale="88" fitToHeight="0" orientation="portrait" r:id="rId10"/>
      <headerFooter alignWithMargins="0"/>
      <autoFilter ref="B1:O1" xr:uid="{1C572E79-7A12-441B-9E5D-07B463EFB159}"/>
    </customSheetView>
    <customSheetView guid="{70A8C77F-700D-4D8E-8AAE-788C35731A52}" showPageBreaks="1" fitToPage="1" showAutoFilter="1" showRuler="0" topLeftCell="B1">
      <pane ySplit="3" topLeftCell="A247" activePane="bottomLeft" state="frozen"/>
      <selection pane="bottomLeft" activeCell="K252" sqref="K252"/>
      <pageMargins left="0" right="0" top="0" bottom="0" header="0" footer="0"/>
      <printOptions horizontalCentered="1"/>
      <pageSetup paperSize="9" scale="45" fitToHeight="0" orientation="portrait" r:id="rId11"/>
      <headerFooter alignWithMargins="0"/>
      <autoFilter ref="B1:O1" xr:uid="{FDCD3568-0E47-47EA-B73D-5C90EDA81682}"/>
    </customSheetView>
    <customSheetView guid="{D5FD0F0D-5A8D-4120-85CB-1D4A21B65636}" fitToPage="1" showAutoFilter="1" hiddenColumns="1" showRuler="0">
      <pane ySplit="8" topLeftCell="A9" activePane="bottomLeft" state="frozen"/>
      <selection pane="bottomLeft" activeCell="O31" sqref="O31"/>
      <pageMargins left="0" right="0" top="0" bottom="0" header="0" footer="0"/>
      <printOptions horizontalCentered="1"/>
      <pageSetup paperSize="9" scale="72" fitToHeight="0" orientation="portrait" r:id="rId12"/>
      <headerFooter alignWithMargins="0">
        <oddHeader>&amp;F</oddHeader>
        <oddFooter>&amp;L&amp;P/&amp;N&amp;C&amp;G&amp;R&amp;6©Ｋａｗａｉｊｕｋｕ Ｅｄｕｃａｔｉｏｎａｌ Ｉｎｓｔｉｔｕｔｉｏｎ.</oddFooter>
      </headerFooter>
      <autoFilter ref="A8:Q264" xr:uid="{A8207353-44B2-4F22-A038-4BB718919BCC}"/>
    </customSheetView>
    <customSheetView guid="{06D68F0A-5D12-4FFC-8827-778E76CA6D8C}" fitToPage="1" showAutoFilter="1" showRuler="0" topLeftCell="B1">
      <pane ySplit="3" topLeftCell="A4" activePane="bottomLeft" state="frozenSplit"/>
      <selection pane="bottomLeft" activeCell="B1" sqref="B1"/>
      <pageMargins left="0" right="0" top="0" bottom="0" header="0" footer="0"/>
      <printOptions horizontalCentered="1"/>
      <pageSetup paperSize="9" scale="39" fitToHeight="0" orientation="portrait" r:id="rId13"/>
      <headerFooter alignWithMargins="0"/>
      <autoFilter ref="A8:Q264" xr:uid="{4CD08D3B-0A21-4357-AF19-6E7687872A6A}"/>
    </customSheetView>
    <customSheetView guid="{B64E1F47-41E6-4925-9DB9-CAA1DB656636}" showPageBreaks="1" fitToPage="1" showAutoFilter="1" showRuler="0">
      <pane ySplit="17.366666666666667" topLeftCell="A265"/>
      <selection activeCell="M173" sqref="M173"/>
      <pageMargins left="0" right="0" top="0" bottom="0" header="0" footer="0"/>
      <printOptions horizontalCentered="1"/>
      <pageSetup paperSize="9" scale="39" fitToHeight="0" orientation="portrait" r:id="rId14"/>
      <headerFooter alignWithMargins="0"/>
      <autoFilter ref="A8:Q264" xr:uid="{F24ADE27-EF38-4FCE-9EFA-C30EDB117E05}"/>
    </customSheetView>
    <customSheetView guid="{9B02F4BD-9098-4A51-8907-8A1B959EC025}" showPageBreaks="1" fitToPage="1" showAutoFilter="1" showRuler="0" topLeftCell="G1">
      <pane ySplit="3" topLeftCell="A187" activePane="bottomLeft" state="frozen"/>
      <selection pane="bottomLeft" activeCell="G199" sqref="G199"/>
      <pageMargins left="0" right="0" top="0" bottom="0" header="0" footer="0"/>
      <printOptions horizontalCentered="1"/>
      <pageSetup paperSize="9" scale="39" fitToHeight="0" orientation="portrait" r:id="rId15"/>
      <headerFooter alignWithMargins="0"/>
      <autoFilter ref="A8:Q265" xr:uid="{2F495BA3-704D-4123-BF53-A09E9C5ED102}"/>
    </customSheetView>
    <customSheetView guid="{B7CD6761-3984-43D7-BA31-DFED9B109638}" scale="110" fitToPage="1" printArea="1" showAutoFilter="1" hiddenColumns="1" showRuler="0">
      <pane ySplit="8" topLeftCell="A129" activePane="bottomLeft" state="frozenSplit"/>
      <selection pane="bottomLeft" activeCell="I136" sqref="I136"/>
      <pageMargins left="0" right="0" top="0" bottom="0" header="0" footer="0"/>
      <printOptions horizontalCentered="1"/>
      <pageSetup paperSize="9" scale="98" fitToHeight="0" orientation="landscape" r:id="rId16"/>
      <headerFooter alignWithMargins="0">
        <oddFooter>&amp;L&amp;P/&amp;N&amp;C&amp;G&amp;R&amp;6©Ｋａｗａｉｊｕｋｕ Ｅｄｕｃａｔｉｏｎａｌ Ｉｎｓｔｉｔｕｔｉｏｎ.</oddFooter>
      </headerFooter>
      <autoFilter ref="A8:Q274" xr:uid="{28D1D521-10D2-492B-A64D-2C29EBA4B6F6}"/>
    </customSheetView>
    <customSheetView guid="{3FB3DBB8-AF7D-414C-A066-A498AFFA70EF}" scale="110" fitToPage="1" filter="1" showAutoFilter="1" hiddenColumns="1" showRuler="0">
      <pane ySplit="8" topLeftCell="A9" activePane="bottomLeft" state="frozenSplit"/>
      <selection pane="bottomLeft" activeCell="M279" sqref="M279"/>
      <pageMargins left="0" right="0" top="0" bottom="0" header="0" footer="0"/>
      <printOptions horizontalCentered="1"/>
      <pageSetup paperSize="9" scale="98" fitToHeight="0" orientation="landscape" r:id="rId17"/>
      <headerFooter alignWithMargins="0">
        <oddFooter>&amp;L&amp;P/&amp;N&amp;C&amp;G&amp;R&amp;6©Ｋａｗａｉｊｕｋｕ Ｅｄｕｃａｔｉｏｎａｌ Ｉｎｓｔｉｔｕｔｉｏｎ.</oddFooter>
      </headerFooter>
      <autoFilter ref="A8:Q274" xr:uid="{4B5DB352-EA69-43BB-AF35-1F47E14A82C2}">
        <filterColumn colId="2">
          <filters>
            <filter val="亀井"/>
          </filters>
        </filterColumn>
      </autoFilter>
    </customSheetView>
    <customSheetView guid="{AB6224D7-6E69-4FA5-AD1A-CB3E38D587E0}" scale="110" showPageBreaks="1" fitToPage="1" printArea="1" showAutoFilter="1" hiddenColumns="1" showRuler="0" topLeftCell="C1">
      <pane ySplit="8" topLeftCell="A36" activePane="bottomLeft" state="frozenSplit"/>
      <selection pane="bottomLeft" activeCell="E91" sqref="E91:M91"/>
      <pageMargins left="0" right="0" top="0" bottom="0" header="0" footer="0"/>
      <printOptions horizontalCentered="1"/>
      <pageSetup paperSize="9" scale="98" fitToHeight="0" orientation="landscape" r:id="rId18"/>
      <headerFooter alignWithMargins="0">
        <oddFooter>&amp;L&amp;P/&amp;N&amp;C&amp;G&amp;R&amp;6©Ｋａｗａｉｊｕｋｕ Ｅｄｕｃａｔｉｏｎａｌ Ｉｎｓｔｉｔｕｔｉｏｎ.</oddFooter>
      </headerFooter>
      <autoFilter ref="A8:Q274" xr:uid="{0A49727D-D174-4D5E-B557-D9FC4BD08CE5}"/>
    </customSheetView>
    <customSheetView guid="{9AD479D0-74F1-4430-85C7-131E1C6EE7EE}" showPageBreaks="1" fitToPage="1" showAutoFilter="1" showRuler="0">
      <pane ySplit="3" topLeftCell="A31" activePane="bottomLeft" state="frozenSplit"/>
      <selection pane="bottomLeft" activeCell="D31" sqref="D31"/>
      <pageMargins left="0" right="0" top="0" bottom="0" header="0" footer="0"/>
      <printOptions horizontalCentered="1"/>
      <pageSetup paperSize="9" scale="47" fitToHeight="0" orientation="portrait" r:id="rId19"/>
      <headerFooter alignWithMargins="0"/>
      <autoFilter ref="A8:Q274" xr:uid="{9E30E0BB-77D0-430B-9D6F-D5E9AB17C0CA}"/>
    </customSheetView>
    <customSheetView guid="{97820852-EFB0-4C71-ACB4-90A92997DE4E}" scale="110" fitToPage="1" showAutoFilter="1" hiddenColumns="1" showRuler="0">
      <pane ySplit="8" topLeftCell="A140" activePane="bottomLeft" state="frozenSplit"/>
      <selection pane="bottomLeft" activeCell="M151" sqref="M151"/>
      <pageMargins left="0" right="0" top="0" bottom="0" header="0" footer="0"/>
      <printOptions horizontalCentered="1"/>
      <pageSetup paperSize="9" scale="98" fitToHeight="0" orientation="landscape" r:id="rId20"/>
      <headerFooter alignWithMargins="0">
        <oddFooter>&amp;L&amp;P/&amp;N&amp;C&amp;G&amp;R&amp;6©Ｋａｗａｉｊｕｋｕ Ｅｄｕｃａｔｉｏｎａｌ Ｉｎｓｔｉｔｕｔｉｏｎ.</oddFooter>
      </headerFooter>
      <autoFilter ref="E8:M259" xr:uid="{83654D2B-F95F-4C2B-9FFE-F0FD973DCDF0}"/>
    </customSheetView>
    <customSheetView guid="{E24941AB-C754-47BD-80B5-8B13B08E7FC9}" showPageBreaks="1" fitToPage="1" showAutoFilter="1" showRuler="0">
      <pane ySplit="3" topLeftCell="A4" activePane="bottomLeft" state="frozenSplit"/>
      <selection pane="bottomLeft" activeCell="E53" sqref="E53:M53"/>
      <pageMargins left="0" right="0" top="0" bottom="0" header="0" footer="0"/>
      <printOptions horizontalCentered="1"/>
      <pageSetup paperSize="9" scale="47" fitToHeight="0" orientation="portrait" r:id="rId21"/>
      <headerFooter alignWithMargins="0"/>
      <autoFilter ref="A8:Q260" xr:uid="{480AEE5E-CB19-478B-87C1-E01996C1F473}"/>
    </customSheetView>
  </customSheetViews>
  <mergeCells count="2">
    <mergeCell ref="C6:I6"/>
    <mergeCell ref="C1:I1"/>
  </mergeCells>
  <phoneticPr fontId="1"/>
  <printOptions horizontalCentered="1"/>
  <pageMargins left="0.39370078740157483" right="0.39370078740157483" top="0.55118110236220474" bottom="0.55118110236220474" header="0.31496062992125984" footer="0.31496062992125984"/>
  <pageSetup paperSize="9" scale="78" fitToHeight="0" orientation="portrait" r:id="rId22"/>
  <headerFooter alignWithMargins="0">
    <oddFooter>&amp;L&amp;P/&amp;N&amp;C&amp;G&amp;R&amp;10©Ｋａｗａｉｊｕｋｕ Ｅｄｕｃａｔｉｏｎａｌ Ｉｎｓｔｉｔｕｔｉｏｎ.</oddFooter>
  </headerFooter>
  <rowBreaks count="1" manualBreakCount="1">
    <brk id="151" min="2" max="8" man="1"/>
  </rowBreaks>
  <legacyDrawingHF r:id="rId2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C000"/>
    <pageSetUpPr fitToPage="1"/>
  </sheetPr>
  <dimension ref="A1:I191"/>
  <sheetViews>
    <sheetView showRuler="0" zoomScaleNormal="100" zoomScaleSheetLayoutView="100" workbookViewId="0">
      <pane ySplit="9" topLeftCell="A10" activePane="bottomLeft" state="frozenSplit"/>
      <selection activeCell="C1" sqref="C1"/>
      <selection pane="bottomLeft" activeCell="C1" sqref="C1:I1"/>
    </sheetView>
  </sheetViews>
  <sheetFormatPr defaultColWidth="9" defaultRowHeight="10.8" x14ac:dyDescent="0.15"/>
  <cols>
    <col min="1" max="1" width="13.88671875" style="1" hidden="1" customWidth="1"/>
    <col min="2" max="2" width="17.44140625" style="1" hidden="1" customWidth="1"/>
    <col min="3" max="3" width="10" style="2" customWidth="1"/>
    <col min="4" max="4" width="13.33203125" style="2" customWidth="1"/>
    <col min="5" max="5" width="13.33203125" style="1" customWidth="1"/>
    <col min="6" max="6" width="16.109375" style="1" customWidth="1"/>
    <col min="7" max="7" width="9.109375" style="1" customWidth="1"/>
    <col min="8" max="8" width="9.88671875" style="1" customWidth="1"/>
    <col min="9" max="9" width="51.33203125" style="1" customWidth="1"/>
    <col min="10" max="16384" width="9" style="1"/>
  </cols>
  <sheetData>
    <row r="1" spans="1:9" customFormat="1" ht="19.2" x14ac:dyDescent="0.25">
      <c r="A1" s="1"/>
      <c r="B1" s="11"/>
      <c r="C1" s="49" t="s">
        <v>1306</v>
      </c>
      <c r="D1" s="49"/>
      <c r="E1" s="49"/>
      <c r="F1" s="49"/>
      <c r="G1" s="49"/>
      <c r="H1" s="49"/>
      <c r="I1" s="49"/>
    </row>
    <row r="2" spans="1:9" customFormat="1" ht="6" customHeight="1" x14ac:dyDescent="0.25">
      <c r="A2" s="7"/>
      <c r="B2" s="7"/>
      <c r="C2" s="7"/>
      <c r="D2" s="7"/>
      <c r="E2" s="7"/>
      <c r="F2" s="7"/>
      <c r="G2" s="7"/>
      <c r="H2" s="7"/>
      <c r="I2" s="7"/>
    </row>
    <row r="3" spans="1:9" customFormat="1" ht="12" customHeight="1" x14ac:dyDescent="0.25">
      <c r="A3" s="8"/>
      <c r="B3" s="7"/>
      <c r="C3" s="8" t="s">
        <v>0</v>
      </c>
      <c r="D3" s="7"/>
      <c r="E3" s="7"/>
      <c r="F3" s="7"/>
      <c r="G3" s="7"/>
      <c r="H3" s="7"/>
      <c r="I3" s="7"/>
    </row>
    <row r="4" spans="1:9" customFormat="1" ht="12" customHeight="1" x14ac:dyDescent="0.25">
      <c r="A4" s="8"/>
      <c r="B4" s="7"/>
      <c r="C4" s="8" t="s">
        <v>1</v>
      </c>
      <c r="D4" s="7"/>
      <c r="E4" s="7"/>
      <c r="F4" s="7"/>
      <c r="G4" s="7"/>
      <c r="H4" s="7"/>
      <c r="I4" s="7"/>
    </row>
    <row r="5" spans="1:9" customFormat="1" ht="12" customHeight="1" x14ac:dyDescent="0.25">
      <c r="A5" s="8"/>
      <c r="B5" s="7"/>
      <c r="C5" s="8" t="s">
        <v>2</v>
      </c>
      <c r="D5" s="7"/>
      <c r="E5" s="7"/>
      <c r="F5" s="7"/>
      <c r="G5" s="7"/>
      <c r="H5" s="7"/>
      <c r="I5" s="7"/>
    </row>
    <row r="6" spans="1:9" customFormat="1" ht="24.6" customHeight="1" x14ac:dyDescent="0.25">
      <c r="A6" s="8"/>
      <c r="B6" s="7"/>
      <c r="C6" s="48" t="s">
        <v>3</v>
      </c>
      <c r="D6" s="48"/>
      <c r="E6" s="48"/>
      <c r="F6" s="48"/>
      <c r="G6" s="48"/>
      <c r="H6" s="48"/>
      <c r="I6" s="48"/>
    </row>
    <row r="7" spans="1:9" customFormat="1" ht="12" customHeight="1" x14ac:dyDescent="0.25">
      <c r="A7" s="8"/>
      <c r="B7" s="7"/>
      <c r="C7" s="8" t="s">
        <v>4</v>
      </c>
      <c r="D7" s="7"/>
      <c r="E7" s="7"/>
      <c r="F7" s="7"/>
      <c r="G7" s="7"/>
      <c r="H7" s="7"/>
      <c r="I7" s="7"/>
    </row>
    <row r="8" spans="1:9" s="3" customFormat="1" ht="7.5" customHeight="1" x14ac:dyDescent="0.15">
      <c r="A8" s="6"/>
      <c r="B8" s="6"/>
      <c r="C8" s="12"/>
      <c r="D8" s="12"/>
      <c r="E8" s="6"/>
      <c r="F8" s="6"/>
      <c r="G8" s="6"/>
      <c r="H8" s="6"/>
      <c r="I8" s="6"/>
    </row>
    <row r="9" spans="1:9" s="5" customFormat="1" x14ac:dyDescent="0.2">
      <c r="A9" s="10" t="s">
        <v>5</v>
      </c>
      <c r="B9" s="10" t="s">
        <v>6</v>
      </c>
      <c r="C9" s="24" t="s">
        <v>5</v>
      </c>
      <c r="D9" s="26" t="s">
        <v>6</v>
      </c>
      <c r="E9" s="38" t="s">
        <v>7</v>
      </c>
      <c r="F9" s="38" t="s">
        <v>648</v>
      </c>
      <c r="G9" s="20" t="s">
        <v>649</v>
      </c>
      <c r="H9" s="20" t="s">
        <v>10</v>
      </c>
      <c r="I9" s="21" t="s">
        <v>11</v>
      </c>
    </row>
    <row r="10" spans="1:9" ht="32.4" x14ac:dyDescent="0.15">
      <c r="A10" s="23" t="s">
        <v>650</v>
      </c>
      <c r="B10" s="23" t="s">
        <v>651</v>
      </c>
      <c r="C10" s="28" t="s">
        <v>650</v>
      </c>
      <c r="D10" s="13" t="s">
        <v>651</v>
      </c>
      <c r="E10" s="40" t="s">
        <v>652</v>
      </c>
      <c r="F10" s="40" t="s">
        <v>653</v>
      </c>
      <c r="G10" s="40" t="s">
        <v>654</v>
      </c>
      <c r="H10" s="40" t="s">
        <v>57</v>
      </c>
      <c r="I10" s="41" t="s">
        <v>655</v>
      </c>
    </row>
    <row r="11" spans="1:9" ht="54" x14ac:dyDescent="0.15">
      <c r="A11" s="23" t="s">
        <v>656</v>
      </c>
      <c r="B11" s="23" t="s">
        <v>657</v>
      </c>
      <c r="C11" s="28" t="s">
        <v>658</v>
      </c>
      <c r="D11" s="13" t="s">
        <v>512</v>
      </c>
      <c r="E11" s="40" t="s">
        <v>15</v>
      </c>
      <c r="F11" s="40" t="s">
        <v>659</v>
      </c>
      <c r="G11" s="40" t="s">
        <v>169</v>
      </c>
      <c r="H11" s="40"/>
      <c r="I11" s="41" t="s">
        <v>660</v>
      </c>
    </row>
    <row r="12" spans="1:9" x14ac:dyDescent="0.15">
      <c r="A12" s="23" t="s">
        <v>661</v>
      </c>
      <c r="B12" s="23" t="s">
        <v>657</v>
      </c>
      <c r="C12" s="28" t="s">
        <v>662</v>
      </c>
      <c r="D12" s="13" t="s">
        <v>512</v>
      </c>
      <c r="E12" s="40" t="s">
        <v>15</v>
      </c>
      <c r="F12" s="40" t="s">
        <v>663</v>
      </c>
      <c r="G12" s="40"/>
      <c r="H12" s="40" t="s">
        <v>341</v>
      </c>
      <c r="I12" s="41"/>
    </row>
    <row r="13" spans="1:9" ht="21.6" x14ac:dyDescent="0.15">
      <c r="A13" s="23" t="s">
        <v>664</v>
      </c>
      <c r="B13" s="23" t="s">
        <v>665</v>
      </c>
      <c r="C13" s="28" t="s">
        <v>666</v>
      </c>
      <c r="D13" s="13" t="s">
        <v>667</v>
      </c>
      <c r="E13" s="40" t="s">
        <v>667</v>
      </c>
      <c r="F13" s="40" t="s">
        <v>668</v>
      </c>
      <c r="G13" s="40"/>
      <c r="H13" s="40"/>
      <c r="I13" s="41" t="s">
        <v>669</v>
      </c>
    </row>
    <row r="14" spans="1:9" x14ac:dyDescent="0.15">
      <c r="A14" s="23" t="s">
        <v>670</v>
      </c>
      <c r="B14" s="23" t="s">
        <v>671</v>
      </c>
      <c r="C14" s="28" t="s">
        <v>672</v>
      </c>
      <c r="D14" s="13" t="s">
        <v>673</v>
      </c>
      <c r="E14" s="40" t="s">
        <v>673</v>
      </c>
      <c r="F14" s="40" t="s">
        <v>674</v>
      </c>
      <c r="G14" s="40"/>
      <c r="H14" s="40" t="s">
        <v>57</v>
      </c>
      <c r="I14" s="41"/>
    </row>
    <row r="15" spans="1:9" ht="21.6" x14ac:dyDescent="0.15">
      <c r="A15" s="23" t="s">
        <v>675</v>
      </c>
      <c r="B15" s="23" t="s">
        <v>676</v>
      </c>
      <c r="C15" s="28" t="s">
        <v>677</v>
      </c>
      <c r="D15" s="13" t="s">
        <v>678</v>
      </c>
      <c r="E15" s="40" t="s">
        <v>15</v>
      </c>
      <c r="F15" s="40" t="s">
        <v>679</v>
      </c>
      <c r="G15" s="40"/>
      <c r="H15" s="40"/>
      <c r="I15" s="41" t="s">
        <v>680</v>
      </c>
    </row>
    <row r="16" spans="1:9" ht="21.6" x14ac:dyDescent="0.15">
      <c r="A16" s="23" t="s">
        <v>681</v>
      </c>
      <c r="B16" s="23" t="s">
        <v>54</v>
      </c>
      <c r="C16" s="28" t="s">
        <v>682</v>
      </c>
      <c r="D16" s="13" t="s">
        <v>55</v>
      </c>
      <c r="E16" s="40" t="s">
        <v>55</v>
      </c>
      <c r="F16" s="40" t="s">
        <v>674</v>
      </c>
      <c r="G16" s="40"/>
      <c r="H16" s="40" t="s">
        <v>341</v>
      </c>
      <c r="I16" s="41"/>
    </row>
    <row r="17" spans="1:9" ht="21.6" x14ac:dyDescent="0.15">
      <c r="A17" s="23" t="s">
        <v>683</v>
      </c>
      <c r="B17" s="23" t="s">
        <v>684</v>
      </c>
      <c r="C17" s="28" t="s">
        <v>685</v>
      </c>
      <c r="D17" s="13" t="s">
        <v>686</v>
      </c>
      <c r="E17" s="40" t="s">
        <v>686</v>
      </c>
      <c r="F17" s="40" t="s">
        <v>679</v>
      </c>
      <c r="G17" s="40"/>
      <c r="H17" s="40" t="s">
        <v>57</v>
      </c>
      <c r="I17" s="41"/>
    </row>
    <row r="18" spans="1:9" ht="32.4" x14ac:dyDescent="0.15">
      <c r="A18" s="23" t="s">
        <v>687</v>
      </c>
      <c r="B18" s="23" t="s">
        <v>657</v>
      </c>
      <c r="C18" s="28" t="s">
        <v>688</v>
      </c>
      <c r="D18" s="13" t="s">
        <v>512</v>
      </c>
      <c r="E18" s="40" t="s">
        <v>689</v>
      </c>
      <c r="F18" s="40" t="s">
        <v>690</v>
      </c>
      <c r="G18" s="40"/>
      <c r="H18" s="40" t="s">
        <v>113</v>
      </c>
      <c r="I18" s="41" t="s">
        <v>691</v>
      </c>
    </row>
    <row r="19" spans="1:9" ht="21.6" x14ac:dyDescent="0.15">
      <c r="A19" s="23" t="s">
        <v>692</v>
      </c>
      <c r="B19" s="23" t="s">
        <v>657</v>
      </c>
      <c r="C19" s="28" t="s">
        <v>693</v>
      </c>
      <c r="D19" s="13" t="s">
        <v>512</v>
      </c>
      <c r="E19" s="40" t="s">
        <v>15</v>
      </c>
      <c r="F19" s="40" t="s">
        <v>694</v>
      </c>
      <c r="G19" s="40"/>
      <c r="H19" s="40" t="s">
        <v>695</v>
      </c>
      <c r="I19" s="41"/>
    </row>
    <row r="20" spans="1:9" ht="21.6" x14ac:dyDescent="0.15">
      <c r="A20" s="23" t="s">
        <v>696</v>
      </c>
      <c r="B20" s="23" t="s">
        <v>697</v>
      </c>
      <c r="C20" s="30" t="s">
        <v>698</v>
      </c>
      <c r="D20" s="13" t="s">
        <v>699</v>
      </c>
      <c r="E20" s="40" t="s">
        <v>55</v>
      </c>
      <c r="F20" s="40" t="s">
        <v>700</v>
      </c>
      <c r="G20" s="40"/>
      <c r="H20" s="40" t="s">
        <v>341</v>
      </c>
      <c r="I20" s="41"/>
    </row>
    <row r="21" spans="1:9" ht="48.6" customHeight="1" x14ac:dyDescent="0.15">
      <c r="A21" s="23" t="s">
        <v>696</v>
      </c>
      <c r="B21" s="23" t="s">
        <v>701</v>
      </c>
      <c r="C21" s="32" t="s">
        <v>24</v>
      </c>
      <c r="D21" s="13" t="s">
        <v>702</v>
      </c>
      <c r="E21" s="40" t="s">
        <v>15</v>
      </c>
      <c r="F21" s="40" t="s">
        <v>703</v>
      </c>
      <c r="G21" s="40"/>
      <c r="H21" s="40" t="s">
        <v>341</v>
      </c>
      <c r="I21" s="41"/>
    </row>
    <row r="22" spans="1:9" x14ac:dyDescent="0.15">
      <c r="A22" s="23" t="s">
        <v>704</v>
      </c>
      <c r="B22" s="23" t="s">
        <v>705</v>
      </c>
      <c r="C22" s="28" t="s">
        <v>706</v>
      </c>
      <c r="D22" s="13" t="s">
        <v>707</v>
      </c>
      <c r="E22" s="40" t="s">
        <v>708</v>
      </c>
      <c r="F22" s="40" t="s">
        <v>709</v>
      </c>
      <c r="G22" s="40"/>
      <c r="H22" s="40" t="s">
        <v>49</v>
      </c>
      <c r="I22" s="41" t="s">
        <v>710</v>
      </c>
    </row>
    <row r="23" spans="1:9" ht="21.6" x14ac:dyDescent="0.15">
      <c r="A23" s="23" t="s">
        <v>711</v>
      </c>
      <c r="B23" s="23" t="s">
        <v>712</v>
      </c>
      <c r="C23" s="28" t="s">
        <v>713</v>
      </c>
      <c r="D23" s="13" t="s">
        <v>714</v>
      </c>
      <c r="E23" s="40" t="s">
        <v>15</v>
      </c>
      <c r="F23" s="40" t="s">
        <v>715</v>
      </c>
      <c r="G23" s="40" t="s">
        <v>716</v>
      </c>
      <c r="H23" s="40"/>
      <c r="I23" s="41" t="s">
        <v>717</v>
      </c>
    </row>
    <row r="24" spans="1:9" x14ac:dyDescent="0.15">
      <c r="A24" s="23" t="s">
        <v>718</v>
      </c>
      <c r="B24" s="23" t="s">
        <v>54</v>
      </c>
      <c r="C24" s="28" t="s">
        <v>719</v>
      </c>
      <c r="D24" s="13" t="s">
        <v>55</v>
      </c>
      <c r="E24" s="40" t="s">
        <v>55</v>
      </c>
      <c r="F24" s="40" t="s">
        <v>674</v>
      </c>
      <c r="G24" s="40"/>
      <c r="H24" s="40"/>
      <c r="I24" s="41" t="s">
        <v>720</v>
      </c>
    </row>
    <row r="25" spans="1:9" ht="21.6" x14ac:dyDescent="0.15">
      <c r="A25" s="23" t="s">
        <v>721</v>
      </c>
      <c r="B25" s="23" t="s">
        <v>220</v>
      </c>
      <c r="C25" s="28" t="s">
        <v>722</v>
      </c>
      <c r="D25" s="13" t="s">
        <v>220</v>
      </c>
      <c r="E25" s="40" t="s">
        <v>220</v>
      </c>
      <c r="F25" s="40" t="s">
        <v>674</v>
      </c>
      <c r="G25" s="40"/>
      <c r="H25" s="40" t="s">
        <v>113</v>
      </c>
      <c r="I25" s="41" t="s">
        <v>723</v>
      </c>
    </row>
    <row r="26" spans="1:9" ht="32.4" x14ac:dyDescent="0.15">
      <c r="A26" s="23" t="s">
        <v>724</v>
      </c>
      <c r="B26" s="23" t="s">
        <v>725</v>
      </c>
      <c r="C26" s="28" t="s">
        <v>724</v>
      </c>
      <c r="D26" s="13" t="s">
        <v>726</v>
      </c>
      <c r="E26" s="40" t="s">
        <v>15</v>
      </c>
      <c r="F26" s="40" t="s">
        <v>727</v>
      </c>
      <c r="G26" s="40"/>
      <c r="H26" s="40" t="s">
        <v>57</v>
      </c>
      <c r="I26" s="41" t="s">
        <v>728</v>
      </c>
    </row>
    <row r="27" spans="1:9" ht="49.95" customHeight="1" x14ac:dyDescent="0.15">
      <c r="A27" s="23" t="s">
        <v>729</v>
      </c>
      <c r="B27" s="23" t="s">
        <v>657</v>
      </c>
      <c r="C27" s="28" t="s">
        <v>730</v>
      </c>
      <c r="D27" s="13" t="s">
        <v>512</v>
      </c>
      <c r="E27" s="40" t="s">
        <v>15</v>
      </c>
      <c r="F27" s="40" t="s">
        <v>694</v>
      </c>
      <c r="G27" s="40" t="s">
        <v>169</v>
      </c>
      <c r="H27" s="40"/>
      <c r="I27" s="41" t="s">
        <v>731</v>
      </c>
    </row>
    <row r="28" spans="1:9" ht="21.6" x14ac:dyDescent="0.15">
      <c r="A28" s="23" t="s">
        <v>732</v>
      </c>
      <c r="B28" s="23" t="s">
        <v>617</v>
      </c>
      <c r="C28" s="28" t="s">
        <v>733</v>
      </c>
      <c r="D28" s="13" t="s">
        <v>40</v>
      </c>
      <c r="E28" s="40" t="s">
        <v>15</v>
      </c>
      <c r="F28" s="40" t="s">
        <v>734</v>
      </c>
      <c r="G28" s="40"/>
      <c r="H28" s="40" t="s">
        <v>735</v>
      </c>
      <c r="I28" s="41" t="s">
        <v>736</v>
      </c>
    </row>
    <row r="29" spans="1:9" x14ac:dyDescent="0.15">
      <c r="A29" s="23" t="s">
        <v>737</v>
      </c>
      <c r="B29" s="23" t="s">
        <v>738</v>
      </c>
      <c r="C29" s="28" t="s">
        <v>739</v>
      </c>
      <c r="D29" s="13" t="s">
        <v>123</v>
      </c>
      <c r="E29" s="40" t="s">
        <v>15</v>
      </c>
      <c r="F29" s="40" t="s">
        <v>674</v>
      </c>
      <c r="G29" s="40"/>
      <c r="H29" s="40" t="s">
        <v>740</v>
      </c>
      <c r="I29" s="41" t="s">
        <v>741</v>
      </c>
    </row>
    <row r="30" spans="1:9" x14ac:dyDescent="0.15">
      <c r="A30" s="23" t="s">
        <v>742</v>
      </c>
      <c r="B30" s="23" t="s">
        <v>743</v>
      </c>
      <c r="C30" s="28" t="s">
        <v>744</v>
      </c>
      <c r="D30" s="13" t="s">
        <v>315</v>
      </c>
      <c r="E30" s="40" t="s">
        <v>745</v>
      </c>
      <c r="F30" s="40" t="s">
        <v>674</v>
      </c>
      <c r="G30" s="40"/>
      <c r="H30" s="40" t="s">
        <v>735</v>
      </c>
      <c r="I30" s="41"/>
    </row>
    <row r="31" spans="1:9" ht="21.6" x14ac:dyDescent="0.15">
      <c r="A31" s="23" t="s">
        <v>746</v>
      </c>
      <c r="B31" s="23" t="s">
        <v>747</v>
      </c>
      <c r="C31" s="30" t="s">
        <v>748</v>
      </c>
      <c r="D31" s="15" t="s">
        <v>749</v>
      </c>
      <c r="E31" s="42" t="s">
        <v>750</v>
      </c>
      <c r="F31" s="40" t="s">
        <v>674</v>
      </c>
      <c r="G31" s="40" t="s">
        <v>751</v>
      </c>
      <c r="H31" s="40" t="s">
        <v>752</v>
      </c>
      <c r="I31" s="41"/>
    </row>
    <row r="32" spans="1:9" ht="21.6" x14ac:dyDescent="0.15">
      <c r="A32" s="23" t="s">
        <v>746</v>
      </c>
      <c r="B32" s="23" t="s">
        <v>747</v>
      </c>
      <c r="C32" s="31" t="s">
        <v>24</v>
      </c>
      <c r="D32" s="17" t="s">
        <v>24</v>
      </c>
      <c r="E32" s="43" t="s">
        <v>24</v>
      </c>
      <c r="F32" s="40" t="s">
        <v>674</v>
      </c>
      <c r="G32" s="40"/>
      <c r="H32" s="40"/>
      <c r="I32" s="41" t="s">
        <v>753</v>
      </c>
    </row>
    <row r="33" spans="1:9" x14ac:dyDescent="0.15">
      <c r="A33" s="23" t="s">
        <v>754</v>
      </c>
      <c r="B33" s="23" t="s">
        <v>755</v>
      </c>
      <c r="C33" s="28" t="s">
        <v>756</v>
      </c>
      <c r="D33" s="13" t="s">
        <v>757</v>
      </c>
      <c r="E33" s="40" t="s">
        <v>531</v>
      </c>
      <c r="F33" s="40" t="s">
        <v>758</v>
      </c>
      <c r="G33" s="40" t="s">
        <v>759</v>
      </c>
      <c r="H33" s="40" t="s">
        <v>760</v>
      </c>
      <c r="I33" s="41"/>
    </row>
    <row r="34" spans="1:9" ht="32.4" x14ac:dyDescent="0.15">
      <c r="A34" s="23" t="s">
        <v>761</v>
      </c>
      <c r="B34" s="23" t="s">
        <v>40</v>
      </c>
      <c r="C34" s="30" t="s">
        <v>761</v>
      </c>
      <c r="D34" s="15" t="s">
        <v>40</v>
      </c>
      <c r="E34" s="40" t="s">
        <v>762</v>
      </c>
      <c r="F34" s="40" t="s">
        <v>763</v>
      </c>
      <c r="G34" s="40" t="s">
        <v>764</v>
      </c>
      <c r="H34" s="40"/>
      <c r="I34" s="41" t="s">
        <v>765</v>
      </c>
    </row>
    <row r="35" spans="1:9" ht="21.6" x14ac:dyDescent="0.15">
      <c r="A35" s="23" t="s">
        <v>761</v>
      </c>
      <c r="B35" s="23" t="s">
        <v>40</v>
      </c>
      <c r="C35" s="31" t="s">
        <v>24</v>
      </c>
      <c r="D35" s="16" t="s">
        <v>24</v>
      </c>
      <c r="E35" s="42" t="s">
        <v>766</v>
      </c>
      <c r="F35" s="40" t="s">
        <v>767</v>
      </c>
      <c r="G35" s="40" t="s">
        <v>22</v>
      </c>
      <c r="H35" s="40"/>
      <c r="I35" s="41" t="s">
        <v>768</v>
      </c>
    </row>
    <row r="36" spans="1:9" ht="27.6" customHeight="1" x14ac:dyDescent="0.15">
      <c r="A36" s="23" t="s">
        <v>761</v>
      </c>
      <c r="B36" s="23" t="s">
        <v>40</v>
      </c>
      <c r="C36" s="31" t="s">
        <v>24</v>
      </c>
      <c r="D36" s="17" t="s">
        <v>24</v>
      </c>
      <c r="E36" s="43" t="s">
        <v>24</v>
      </c>
      <c r="F36" s="40" t="s">
        <v>769</v>
      </c>
      <c r="G36" s="40" t="s">
        <v>770</v>
      </c>
      <c r="H36" s="40"/>
      <c r="I36" s="41" t="s">
        <v>771</v>
      </c>
    </row>
    <row r="37" spans="1:9" ht="21.6" x14ac:dyDescent="0.15">
      <c r="A37" s="23" t="s">
        <v>761</v>
      </c>
      <c r="B37" s="23" t="s">
        <v>617</v>
      </c>
      <c r="C37" s="31" t="s">
        <v>24</v>
      </c>
      <c r="D37" s="16" t="s">
        <v>24</v>
      </c>
      <c r="E37" s="40" t="s">
        <v>772</v>
      </c>
      <c r="F37" s="40" t="s">
        <v>773</v>
      </c>
      <c r="G37" s="40" t="s">
        <v>774</v>
      </c>
      <c r="H37" s="40" t="s">
        <v>57</v>
      </c>
      <c r="I37" s="41" t="s">
        <v>775</v>
      </c>
    </row>
    <row r="38" spans="1:9" ht="43.2" x14ac:dyDescent="0.15">
      <c r="A38" s="23" t="s">
        <v>761</v>
      </c>
      <c r="B38" s="23" t="s">
        <v>776</v>
      </c>
      <c r="C38" s="32" t="s">
        <v>24</v>
      </c>
      <c r="D38" s="13" t="s">
        <v>777</v>
      </c>
      <c r="E38" s="40" t="s">
        <v>777</v>
      </c>
      <c r="F38" s="40" t="s">
        <v>767</v>
      </c>
      <c r="G38" s="40" t="s">
        <v>22</v>
      </c>
      <c r="H38" s="40"/>
      <c r="I38" s="41" t="s">
        <v>778</v>
      </c>
    </row>
    <row r="39" spans="1:9" ht="40.200000000000003" customHeight="1" x14ac:dyDescent="0.15">
      <c r="A39" s="23" t="s">
        <v>761</v>
      </c>
      <c r="B39" s="23" t="s">
        <v>779</v>
      </c>
      <c r="C39" s="32" t="s">
        <v>24</v>
      </c>
      <c r="D39" s="15" t="s">
        <v>780</v>
      </c>
      <c r="E39" s="40" t="s">
        <v>781</v>
      </c>
      <c r="F39" s="40" t="s">
        <v>782</v>
      </c>
      <c r="G39" s="40" t="s">
        <v>783</v>
      </c>
      <c r="H39" s="40"/>
      <c r="I39" s="41" t="s">
        <v>784</v>
      </c>
    </row>
    <row r="40" spans="1:9" ht="32.4" x14ac:dyDescent="0.15">
      <c r="A40" s="23" t="s">
        <v>761</v>
      </c>
      <c r="B40" s="23" t="s">
        <v>779</v>
      </c>
      <c r="C40" s="31" t="s">
        <v>24</v>
      </c>
      <c r="D40" s="16" t="s">
        <v>24</v>
      </c>
      <c r="E40" s="40" t="s">
        <v>785</v>
      </c>
      <c r="F40" s="40" t="s">
        <v>782</v>
      </c>
      <c r="G40" s="40" t="s">
        <v>783</v>
      </c>
      <c r="H40" s="40"/>
      <c r="I40" s="41" t="s">
        <v>786</v>
      </c>
    </row>
    <row r="41" spans="1:9" ht="32.4" x14ac:dyDescent="0.15">
      <c r="A41" s="23" t="s">
        <v>761</v>
      </c>
      <c r="B41" s="23" t="s">
        <v>779</v>
      </c>
      <c r="C41" s="31" t="s">
        <v>24</v>
      </c>
      <c r="D41" s="16" t="s">
        <v>24</v>
      </c>
      <c r="E41" s="40" t="s">
        <v>482</v>
      </c>
      <c r="F41" s="40" t="s">
        <v>782</v>
      </c>
      <c r="G41" s="40" t="s">
        <v>783</v>
      </c>
      <c r="H41" s="40"/>
      <c r="I41" s="41" t="s">
        <v>787</v>
      </c>
    </row>
    <row r="42" spans="1:9" ht="21.6" x14ac:dyDescent="0.15">
      <c r="A42" s="23" t="s">
        <v>761</v>
      </c>
      <c r="B42" s="23" t="s">
        <v>743</v>
      </c>
      <c r="C42" s="32" t="s">
        <v>24</v>
      </c>
      <c r="D42" s="15" t="s">
        <v>315</v>
      </c>
      <c r="E42" s="42" t="s">
        <v>15</v>
      </c>
      <c r="F42" s="40" t="s">
        <v>767</v>
      </c>
      <c r="G42" s="40" t="s">
        <v>22</v>
      </c>
      <c r="H42" s="40"/>
      <c r="I42" s="41" t="s">
        <v>788</v>
      </c>
    </row>
    <row r="43" spans="1:9" ht="45.6" customHeight="1" x14ac:dyDescent="0.15">
      <c r="A43" s="23" t="s">
        <v>761</v>
      </c>
      <c r="B43" s="23" t="s">
        <v>743</v>
      </c>
      <c r="C43" s="31" t="s">
        <v>24</v>
      </c>
      <c r="D43" s="17" t="s">
        <v>24</v>
      </c>
      <c r="E43" s="43" t="s">
        <v>24</v>
      </c>
      <c r="F43" s="40" t="s">
        <v>789</v>
      </c>
      <c r="G43" s="40" t="s">
        <v>22</v>
      </c>
      <c r="H43" s="40"/>
      <c r="I43" s="41" t="s">
        <v>790</v>
      </c>
    </row>
    <row r="44" spans="1:9" ht="21.6" x14ac:dyDescent="0.15">
      <c r="A44" s="23" t="s">
        <v>761</v>
      </c>
      <c r="B44" s="23" t="s">
        <v>791</v>
      </c>
      <c r="C44" s="32" t="s">
        <v>24</v>
      </c>
      <c r="D44" s="13" t="s">
        <v>792</v>
      </c>
      <c r="E44" s="40" t="s">
        <v>792</v>
      </c>
      <c r="F44" s="40" t="s">
        <v>793</v>
      </c>
      <c r="G44" s="40" t="s">
        <v>22</v>
      </c>
      <c r="H44" s="40"/>
      <c r="I44" s="41" t="s">
        <v>794</v>
      </c>
    </row>
    <row r="45" spans="1:9" x14ac:dyDescent="0.15">
      <c r="A45" s="23" t="s">
        <v>795</v>
      </c>
      <c r="B45" s="23" t="s">
        <v>796</v>
      </c>
      <c r="C45" s="28" t="s">
        <v>797</v>
      </c>
      <c r="D45" s="13" t="s">
        <v>798</v>
      </c>
      <c r="E45" s="40" t="s">
        <v>108</v>
      </c>
      <c r="F45" s="40" t="s">
        <v>674</v>
      </c>
      <c r="G45" s="40"/>
      <c r="H45" s="40" t="s">
        <v>799</v>
      </c>
      <c r="I45" s="41"/>
    </row>
    <row r="46" spans="1:9" ht="32.4" x14ac:dyDescent="0.15">
      <c r="A46" s="23" t="s">
        <v>800</v>
      </c>
      <c r="B46" s="23" t="s">
        <v>801</v>
      </c>
      <c r="C46" s="30" t="s">
        <v>802</v>
      </c>
      <c r="D46" s="15" t="s">
        <v>220</v>
      </c>
      <c r="E46" s="40" t="s">
        <v>803</v>
      </c>
      <c r="F46" s="40" t="s">
        <v>674</v>
      </c>
      <c r="G46" s="40"/>
      <c r="H46" s="40" t="s">
        <v>804</v>
      </c>
      <c r="I46" s="41"/>
    </row>
    <row r="47" spans="1:9" ht="21.6" x14ac:dyDescent="0.15">
      <c r="A47" s="23" t="s">
        <v>800</v>
      </c>
      <c r="B47" s="23" t="s">
        <v>801</v>
      </c>
      <c r="C47" s="31" t="s">
        <v>24</v>
      </c>
      <c r="D47" s="16" t="s">
        <v>24</v>
      </c>
      <c r="E47" s="40" t="s">
        <v>805</v>
      </c>
      <c r="F47" s="40" t="s">
        <v>806</v>
      </c>
      <c r="G47" s="40"/>
      <c r="H47" s="40" t="s">
        <v>807</v>
      </c>
      <c r="I47" s="41"/>
    </row>
    <row r="48" spans="1:9" ht="19.2" customHeight="1" x14ac:dyDescent="0.15">
      <c r="A48" s="23" t="s">
        <v>808</v>
      </c>
      <c r="B48" s="23" t="s">
        <v>809</v>
      </c>
      <c r="C48" s="28" t="s">
        <v>810</v>
      </c>
      <c r="D48" s="13" t="s">
        <v>315</v>
      </c>
      <c r="E48" s="40" t="s">
        <v>15</v>
      </c>
      <c r="F48" s="40" t="s">
        <v>674</v>
      </c>
      <c r="G48" s="40"/>
      <c r="H48" s="40"/>
      <c r="I48" s="41" t="s">
        <v>811</v>
      </c>
    </row>
    <row r="49" spans="1:9" ht="64.8" x14ac:dyDescent="0.15">
      <c r="A49" s="23" t="s">
        <v>812</v>
      </c>
      <c r="B49" s="23" t="s">
        <v>166</v>
      </c>
      <c r="C49" s="30" t="s">
        <v>812</v>
      </c>
      <c r="D49" s="15" t="s">
        <v>166</v>
      </c>
      <c r="E49" s="42" t="s">
        <v>813</v>
      </c>
      <c r="F49" s="40" t="s">
        <v>814</v>
      </c>
      <c r="G49" s="40" t="s">
        <v>815</v>
      </c>
      <c r="H49" s="40"/>
      <c r="I49" s="41" t="s">
        <v>816</v>
      </c>
    </row>
    <row r="50" spans="1:9" ht="32.4" x14ac:dyDescent="0.15">
      <c r="A50" s="23" t="s">
        <v>812</v>
      </c>
      <c r="B50" s="23" t="s">
        <v>166</v>
      </c>
      <c r="C50" s="31" t="s">
        <v>24</v>
      </c>
      <c r="D50" s="17" t="s">
        <v>24</v>
      </c>
      <c r="E50" s="43" t="s">
        <v>24</v>
      </c>
      <c r="F50" s="40" t="s">
        <v>817</v>
      </c>
      <c r="G50" s="40" t="s">
        <v>818</v>
      </c>
      <c r="H50" s="40"/>
      <c r="I50" s="41" t="s">
        <v>819</v>
      </c>
    </row>
    <row r="51" spans="1:9" ht="21.6" x14ac:dyDescent="0.15">
      <c r="A51" s="23" t="s">
        <v>812</v>
      </c>
      <c r="B51" s="23" t="s">
        <v>166</v>
      </c>
      <c r="C51" s="31" t="s">
        <v>24</v>
      </c>
      <c r="D51" s="17" t="s">
        <v>24</v>
      </c>
      <c r="E51" s="43" t="s">
        <v>24</v>
      </c>
      <c r="F51" s="40" t="s">
        <v>820</v>
      </c>
      <c r="G51" s="40" t="s">
        <v>821</v>
      </c>
      <c r="H51" s="40"/>
      <c r="I51" s="41" t="s">
        <v>822</v>
      </c>
    </row>
    <row r="52" spans="1:9" ht="32.4" x14ac:dyDescent="0.15">
      <c r="A52" s="23" t="s">
        <v>823</v>
      </c>
      <c r="B52" s="23" t="s">
        <v>824</v>
      </c>
      <c r="C52" s="30" t="s">
        <v>825</v>
      </c>
      <c r="D52" s="15" t="s">
        <v>826</v>
      </c>
      <c r="E52" s="42" t="s">
        <v>15</v>
      </c>
      <c r="F52" s="40" t="s">
        <v>827</v>
      </c>
      <c r="G52" s="40" t="s">
        <v>828</v>
      </c>
      <c r="H52" s="40"/>
      <c r="I52" s="41" t="s">
        <v>829</v>
      </c>
    </row>
    <row r="53" spans="1:9" ht="21.6" x14ac:dyDescent="0.15">
      <c r="A53" s="23" t="s">
        <v>823</v>
      </c>
      <c r="B53" s="23" t="s">
        <v>824</v>
      </c>
      <c r="C53" s="31" t="s">
        <v>24</v>
      </c>
      <c r="D53" s="17" t="s">
        <v>24</v>
      </c>
      <c r="E53" s="43" t="s">
        <v>24</v>
      </c>
      <c r="F53" s="40" t="s">
        <v>827</v>
      </c>
      <c r="G53" s="40" t="s">
        <v>830</v>
      </c>
      <c r="H53" s="40" t="s">
        <v>341</v>
      </c>
      <c r="I53" s="41" t="s">
        <v>831</v>
      </c>
    </row>
    <row r="54" spans="1:9" ht="21.6" x14ac:dyDescent="0.15">
      <c r="A54" s="23" t="s">
        <v>832</v>
      </c>
      <c r="B54" s="23" t="s">
        <v>833</v>
      </c>
      <c r="C54" s="28" t="s">
        <v>834</v>
      </c>
      <c r="D54" s="13" t="s">
        <v>835</v>
      </c>
      <c r="E54" s="40" t="s">
        <v>836</v>
      </c>
      <c r="F54" s="40" t="s">
        <v>827</v>
      </c>
      <c r="G54" s="40" t="s">
        <v>837</v>
      </c>
      <c r="H54" s="40"/>
      <c r="I54" s="41" t="s">
        <v>838</v>
      </c>
    </row>
    <row r="55" spans="1:9" ht="27" customHeight="1" x14ac:dyDescent="0.15">
      <c r="A55" s="23" t="s">
        <v>839</v>
      </c>
      <c r="B55" s="23" t="s">
        <v>840</v>
      </c>
      <c r="C55" s="28" t="s">
        <v>839</v>
      </c>
      <c r="D55" s="13" t="s">
        <v>512</v>
      </c>
      <c r="E55" s="40" t="s">
        <v>15</v>
      </c>
      <c r="F55" s="40" t="s">
        <v>841</v>
      </c>
      <c r="G55" s="40" t="s">
        <v>842</v>
      </c>
      <c r="H55" s="40"/>
      <c r="I55" s="41" t="s">
        <v>843</v>
      </c>
    </row>
    <row r="56" spans="1:9" ht="21.6" x14ac:dyDescent="0.15">
      <c r="A56" s="23" t="s">
        <v>844</v>
      </c>
      <c r="B56" s="23" t="s">
        <v>617</v>
      </c>
      <c r="C56" s="30" t="s">
        <v>844</v>
      </c>
      <c r="D56" s="15" t="s">
        <v>40</v>
      </c>
      <c r="E56" s="40" t="s">
        <v>845</v>
      </c>
      <c r="F56" s="40" t="s">
        <v>846</v>
      </c>
      <c r="G56" s="40" t="s">
        <v>847</v>
      </c>
      <c r="H56" s="40"/>
      <c r="I56" s="41" t="s">
        <v>848</v>
      </c>
    </row>
    <row r="57" spans="1:9" ht="21.6" x14ac:dyDescent="0.15">
      <c r="A57" s="23" t="s">
        <v>844</v>
      </c>
      <c r="B57" s="23" t="s">
        <v>617</v>
      </c>
      <c r="C57" s="31" t="s">
        <v>24</v>
      </c>
      <c r="D57" s="16" t="s">
        <v>24</v>
      </c>
      <c r="E57" s="40" t="s">
        <v>849</v>
      </c>
      <c r="F57" s="40" t="s">
        <v>846</v>
      </c>
      <c r="G57" s="40" t="s">
        <v>847</v>
      </c>
      <c r="H57" s="40"/>
      <c r="I57" s="41" t="s">
        <v>850</v>
      </c>
    </row>
    <row r="58" spans="1:9" ht="21.6" x14ac:dyDescent="0.15">
      <c r="A58" s="23" t="s">
        <v>844</v>
      </c>
      <c r="B58" s="23" t="s">
        <v>617</v>
      </c>
      <c r="C58" s="31" t="s">
        <v>24</v>
      </c>
      <c r="D58" s="16" t="s">
        <v>24</v>
      </c>
      <c r="E58" s="40" t="s">
        <v>851</v>
      </c>
      <c r="F58" s="40" t="s">
        <v>846</v>
      </c>
      <c r="G58" s="40" t="s">
        <v>847</v>
      </c>
      <c r="H58" s="40"/>
      <c r="I58" s="41" t="s">
        <v>852</v>
      </c>
    </row>
    <row r="59" spans="1:9" ht="32.4" x14ac:dyDescent="0.15">
      <c r="A59" s="23" t="s">
        <v>844</v>
      </c>
      <c r="B59" s="23" t="s">
        <v>617</v>
      </c>
      <c r="C59" s="31" t="s">
        <v>24</v>
      </c>
      <c r="D59" s="16" t="s">
        <v>24</v>
      </c>
      <c r="E59" s="40" t="s">
        <v>853</v>
      </c>
      <c r="F59" s="40" t="s">
        <v>846</v>
      </c>
      <c r="G59" s="40" t="s">
        <v>847</v>
      </c>
      <c r="H59" s="40"/>
      <c r="I59" s="41" t="s">
        <v>854</v>
      </c>
    </row>
    <row r="60" spans="1:9" ht="21.6" x14ac:dyDescent="0.15">
      <c r="A60" s="23" t="s">
        <v>844</v>
      </c>
      <c r="B60" s="23" t="s">
        <v>617</v>
      </c>
      <c r="C60" s="31" t="s">
        <v>24</v>
      </c>
      <c r="D60" s="16" t="s">
        <v>24</v>
      </c>
      <c r="E60" s="40" t="s">
        <v>766</v>
      </c>
      <c r="F60" s="40" t="s">
        <v>846</v>
      </c>
      <c r="G60" s="40" t="s">
        <v>847</v>
      </c>
      <c r="H60" s="40"/>
      <c r="I60" s="41" t="s">
        <v>855</v>
      </c>
    </row>
    <row r="61" spans="1:9" ht="21.6" x14ac:dyDescent="0.15">
      <c r="A61" s="23" t="s">
        <v>844</v>
      </c>
      <c r="B61" s="23" t="s">
        <v>617</v>
      </c>
      <c r="C61" s="31" t="s">
        <v>24</v>
      </c>
      <c r="D61" s="16" t="s">
        <v>24</v>
      </c>
      <c r="E61" s="40" t="s">
        <v>856</v>
      </c>
      <c r="F61" s="40" t="s">
        <v>846</v>
      </c>
      <c r="G61" s="40" t="s">
        <v>847</v>
      </c>
      <c r="H61" s="40"/>
      <c r="I61" s="41" t="s">
        <v>857</v>
      </c>
    </row>
    <row r="62" spans="1:9" ht="21.6" x14ac:dyDescent="0.15">
      <c r="A62" s="23" t="s">
        <v>844</v>
      </c>
      <c r="B62" s="23" t="s">
        <v>747</v>
      </c>
      <c r="C62" s="32" t="s">
        <v>24</v>
      </c>
      <c r="D62" s="13" t="s">
        <v>749</v>
      </c>
      <c r="E62" s="40" t="s">
        <v>749</v>
      </c>
      <c r="F62" s="40" t="s">
        <v>846</v>
      </c>
      <c r="G62" s="40" t="s">
        <v>847</v>
      </c>
      <c r="H62" s="40"/>
      <c r="I62" s="41" t="s">
        <v>858</v>
      </c>
    </row>
    <row r="63" spans="1:9" ht="70.2" customHeight="1" x14ac:dyDescent="0.15">
      <c r="A63" s="23" t="s">
        <v>844</v>
      </c>
      <c r="B63" s="23" t="s">
        <v>859</v>
      </c>
      <c r="C63" s="32" t="s">
        <v>24</v>
      </c>
      <c r="D63" s="13" t="s">
        <v>860</v>
      </c>
      <c r="E63" s="40" t="s">
        <v>15</v>
      </c>
      <c r="F63" s="40" t="s">
        <v>846</v>
      </c>
      <c r="G63" s="40" t="s">
        <v>847</v>
      </c>
      <c r="H63" s="40"/>
      <c r="I63" s="41" t="s">
        <v>861</v>
      </c>
    </row>
    <row r="64" spans="1:9" ht="21.6" x14ac:dyDescent="0.15">
      <c r="A64" s="23" t="s">
        <v>844</v>
      </c>
      <c r="B64" s="23" t="s">
        <v>862</v>
      </c>
      <c r="C64" s="32" t="s">
        <v>24</v>
      </c>
      <c r="D64" s="15" t="s">
        <v>863</v>
      </c>
      <c r="E64" s="40" t="s">
        <v>864</v>
      </c>
      <c r="F64" s="40" t="s">
        <v>846</v>
      </c>
      <c r="G64" s="40" t="s">
        <v>847</v>
      </c>
      <c r="H64" s="40"/>
      <c r="I64" s="41" t="s">
        <v>865</v>
      </c>
    </row>
    <row r="65" spans="1:9" ht="21.6" x14ac:dyDescent="0.15">
      <c r="A65" s="23" t="s">
        <v>844</v>
      </c>
      <c r="B65" s="23" t="s">
        <v>862</v>
      </c>
      <c r="C65" s="31" t="s">
        <v>24</v>
      </c>
      <c r="D65" s="16" t="s">
        <v>24</v>
      </c>
      <c r="E65" s="40" t="s">
        <v>866</v>
      </c>
      <c r="F65" s="40" t="s">
        <v>846</v>
      </c>
      <c r="G65" s="40" t="s">
        <v>847</v>
      </c>
      <c r="H65" s="40"/>
      <c r="I65" s="41" t="s">
        <v>867</v>
      </c>
    </row>
    <row r="66" spans="1:9" ht="21.6" x14ac:dyDescent="0.15">
      <c r="A66" s="23" t="s">
        <v>844</v>
      </c>
      <c r="B66" s="23" t="s">
        <v>868</v>
      </c>
      <c r="C66" s="32" t="s">
        <v>24</v>
      </c>
      <c r="D66" s="13" t="s">
        <v>869</v>
      </c>
      <c r="E66" s="40" t="s">
        <v>869</v>
      </c>
      <c r="F66" s="40" t="s">
        <v>846</v>
      </c>
      <c r="G66" s="40" t="s">
        <v>847</v>
      </c>
      <c r="H66" s="40"/>
      <c r="I66" s="41" t="s">
        <v>870</v>
      </c>
    </row>
    <row r="67" spans="1:9" ht="21.6" x14ac:dyDescent="0.15">
      <c r="A67" s="23" t="s">
        <v>844</v>
      </c>
      <c r="B67" s="23" t="s">
        <v>743</v>
      </c>
      <c r="C67" s="32" t="s">
        <v>24</v>
      </c>
      <c r="D67" s="13" t="s">
        <v>315</v>
      </c>
      <c r="E67" s="40" t="s">
        <v>15</v>
      </c>
      <c r="F67" s="40" t="s">
        <v>846</v>
      </c>
      <c r="G67" s="40" t="s">
        <v>847</v>
      </c>
      <c r="H67" s="40"/>
      <c r="I67" s="41" t="s">
        <v>871</v>
      </c>
    </row>
    <row r="68" spans="1:9" ht="50.4" customHeight="1" x14ac:dyDescent="0.15">
      <c r="A68" s="23" t="s">
        <v>872</v>
      </c>
      <c r="B68" s="23" t="s">
        <v>873</v>
      </c>
      <c r="C68" s="28" t="s">
        <v>874</v>
      </c>
      <c r="D68" s="13" t="s">
        <v>651</v>
      </c>
      <c r="E68" s="40" t="s">
        <v>875</v>
      </c>
      <c r="F68" s="40" t="s">
        <v>876</v>
      </c>
      <c r="G68" s="40" t="s">
        <v>877</v>
      </c>
      <c r="H68" s="40"/>
      <c r="I68" s="41" t="s">
        <v>878</v>
      </c>
    </row>
    <row r="69" spans="1:9" ht="21.6" x14ac:dyDescent="0.15">
      <c r="A69" s="23" t="s">
        <v>879</v>
      </c>
      <c r="B69" s="23" t="s">
        <v>657</v>
      </c>
      <c r="C69" s="28" t="s">
        <v>880</v>
      </c>
      <c r="D69" s="13" t="s">
        <v>512</v>
      </c>
      <c r="E69" s="42" t="s">
        <v>15</v>
      </c>
      <c r="F69" s="40" t="s">
        <v>881</v>
      </c>
      <c r="G69" s="40"/>
      <c r="H69" s="40" t="s">
        <v>57</v>
      </c>
      <c r="I69" s="41"/>
    </row>
    <row r="70" spans="1:9" ht="118.95" customHeight="1" x14ac:dyDescent="0.15">
      <c r="A70" s="23" t="s">
        <v>882</v>
      </c>
      <c r="B70" s="23" t="s">
        <v>883</v>
      </c>
      <c r="C70" s="28" t="s">
        <v>882</v>
      </c>
      <c r="D70" s="18" t="s">
        <v>884</v>
      </c>
      <c r="E70" s="40"/>
      <c r="F70" s="40" t="s">
        <v>885</v>
      </c>
      <c r="G70" s="40"/>
      <c r="H70" s="40"/>
      <c r="I70" s="41" t="s">
        <v>886</v>
      </c>
    </row>
    <row r="71" spans="1:9" ht="21.6" x14ac:dyDescent="0.15">
      <c r="A71" s="23" t="s">
        <v>887</v>
      </c>
      <c r="B71" s="23" t="s">
        <v>840</v>
      </c>
      <c r="C71" s="28" t="s">
        <v>888</v>
      </c>
      <c r="D71" s="13" t="s">
        <v>512</v>
      </c>
      <c r="E71" s="40" t="s">
        <v>15</v>
      </c>
      <c r="F71" s="40" t="s">
        <v>889</v>
      </c>
      <c r="G71" s="40"/>
      <c r="H71" s="40" t="s">
        <v>890</v>
      </c>
      <c r="I71" s="41"/>
    </row>
    <row r="72" spans="1:9" ht="21.6" x14ac:dyDescent="0.15">
      <c r="A72" s="23" t="s">
        <v>891</v>
      </c>
      <c r="B72" s="23" t="s">
        <v>892</v>
      </c>
      <c r="C72" s="28" t="s">
        <v>893</v>
      </c>
      <c r="D72" s="13" t="s">
        <v>894</v>
      </c>
      <c r="E72" s="40" t="s">
        <v>895</v>
      </c>
      <c r="F72" s="40" t="s">
        <v>896</v>
      </c>
      <c r="G72" s="40"/>
      <c r="H72" s="40"/>
      <c r="I72" s="41" t="s">
        <v>897</v>
      </c>
    </row>
    <row r="73" spans="1:9" ht="21.6" x14ac:dyDescent="0.15">
      <c r="A73" s="23" t="s">
        <v>898</v>
      </c>
      <c r="B73" s="23" t="s">
        <v>899</v>
      </c>
      <c r="C73" s="30" t="s">
        <v>900</v>
      </c>
      <c r="D73" s="13" t="s">
        <v>120</v>
      </c>
      <c r="E73" s="40" t="s">
        <v>15</v>
      </c>
      <c r="F73" s="40" t="s">
        <v>901</v>
      </c>
      <c r="G73" s="40" t="s">
        <v>902</v>
      </c>
      <c r="H73" s="40" t="s">
        <v>341</v>
      </c>
      <c r="I73" s="41" t="s">
        <v>903</v>
      </c>
    </row>
    <row r="74" spans="1:9" x14ac:dyDescent="0.15">
      <c r="A74" s="23" t="s">
        <v>898</v>
      </c>
      <c r="B74" s="23" t="s">
        <v>54</v>
      </c>
      <c r="C74" s="32" t="s">
        <v>24</v>
      </c>
      <c r="D74" s="13" t="s">
        <v>55</v>
      </c>
      <c r="E74" s="40" t="s">
        <v>55</v>
      </c>
      <c r="F74" s="40" t="s">
        <v>700</v>
      </c>
      <c r="G74" s="40" t="s">
        <v>904</v>
      </c>
      <c r="H74" s="40" t="s">
        <v>905</v>
      </c>
      <c r="I74" s="41"/>
    </row>
    <row r="75" spans="1:9" ht="21.6" x14ac:dyDescent="0.15">
      <c r="A75" s="23" t="s">
        <v>906</v>
      </c>
      <c r="B75" s="23" t="s">
        <v>907</v>
      </c>
      <c r="C75" s="28" t="s">
        <v>908</v>
      </c>
      <c r="D75" s="13" t="s">
        <v>336</v>
      </c>
      <c r="E75" s="40" t="s">
        <v>15</v>
      </c>
      <c r="F75" s="40" t="s">
        <v>715</v>
      </c>
      <c r="G75" s="40" t="s">
        <v>909</v>
      </c>
      <c r="H75" s="40" t="s">
        <v>910</v>
      </c>
      <c r="I75" s="41"/>
    </row>
    <row r="76" spans="1:9" ht="21.6" x14ac:dyDescent="0.15">
      <c r="A76" s="23" t="s">
        <v>911</v>
      </c>
      <c r="B76" s="23" t="s">
        <v>912</v>
      </c>
      <c r="C76" s="28" t="s">
        <v>911</v>
      </c>
      <c r="D76" s="13" t="s">
        <v>912</v>
      </c>
      <c r="E76" s="40" t="s">
        <v>913</v>
      </c>
      <c r="F76" s="40" t="s">
        <v>914</v>
      </c>
      <c r="G76" s="40"/>
      <c r="H76" s="40" t="s">
        <v>915</v>
      </c>
      <c r="I76" s="41"/>
    </row>
    <row r="77" spans="1:9" x14ac:dyDescent="0.15">
      <c r="A77" s="23" t="s">
        <v>916</v>
      </c>
      <c r="B77" s="23" t="s">
        <v>54</v>
      </c>
      <c r="C77" s="28" t="s">
        <v>916</v>
      </c>
      <c r="D77" s="13" t="s">
        <v>55</v>
      </c>
      <c r="E77" s="40" t="s">
        <v>55</v>
      </c>
      <c r="F77" s="40" t="s">
        <v>700</v>
      </c>
      <c r="G77" s="40"/>
      <c r="H77" s="40" t="s">
        <v>917</v>
      </c>
      <c r="I77" s="41"/>
    </row>
    <row r="78" spans="1:9" ht="21.6" x14ac:dyDescent="0.15">
      <c r="A78" s="23" t="s">
        <v>918</v>
      </c>
      <c r="B78" s="23" t="s">
        <v>274</v>
      </c>
      <c r="C78" s="28" t="s">
        <v>919</v>
      </c>
      <c r="D78" s="13" t="s">
        <v>275</v>
      </c>
      <c r="E78" s="40" t="s">
        <v>15</v>
      </c>
      <c r="F78" s="40" t="s">
        <v>920</v>
      </c>
      <c r="G78" s="40"/>
      <c r="H78" s="40" t="s">
        <v>57</v>
      </c>
      <c r="I78" s="41"/>
    </row>
    <row r="79" spans="1:9" ht="43.2" x14ac:dyDescent="0.15">
      <c r="A79" s="23" t="s">
        <v>921</v>
      </c>
      <c r="B79" s="23" t="s">
        <v>220</v>
      </c>
      <c r="C79" s="28" t="s">
        <v>922</v>
      </c>
      <c r="D79" s="13" t="s">
        <v>220</v>
      </c>
      <c r="E79" s="40" t="s">
        <v>923</v>
      </c>
      <c r="F79" s="40" t="s">
        <v>674</v>
      </c>
      <c r="G79" s="40"/>
      <c r="H79" s="40" t="s">
        <v>57</v>
      </c>
      <c r="I79" s="41"/>
    </row>
    <row r="80" spans="1:9" ht="32.4" x14ac:dyDescent="0.15">
      <c r="A80" s="23" t="s">
        <v>924</v>
      </c>
      <c r="B80" s="23" t="s">
        <v>925</v>
      </c>
      <c r="C80" s="28" t="s">
        <v>926</v>
      </c>
      <c r="D80" s="13" t="s">
        <v>927</v>
      </c>
      <c r="E80" s="40" t="s">
        <v>15</v>
      </c>
      <c r="F80" s="40" t="s">
        <v>674</v>
      </c>
      <c r="G80" s="40" t="s">
        <v>904</v>
      </c>
      <c r="H80" s="40" t="s">
        <v>740</v>
      </c>
      <c r="I80" s="41" t="s">
        <v>928</v>
      </c>
    </row>
    <row r="81" spans="1:9" ht="21.6" x14ac:dyDescent="0.15">
      <c r="A81" s="23" t="s">
        <v>929</v>
      </c>
      <c r="B81" s="23" t="s">
        <v>54</v>
      </c>
      <c r="C81" s="28" t="s">
        <v>930</v>
      </c>
      <c r="D81" s="13" t="s">
        <v>55</v>
      </c>
      <c r="E81" s="40" t="s">
        <v>55</v>
      </c>
      <c r="F81" s="40" t="s">
        <v>674</v>
      </c>
      <c r="G81" s="40"/>
      <c r="H81" s="40" t="s">
        <v>931</v>
      </c>
      <c r="I81" s="41" t="s">
        <v>932</v>
      </c>
    </row>
    <row r="82" spans="1:9" ht="22.95" customHeight="1" x14ac:dyDescent="0.15">
      <c r="A82" s="23" t="s">
        <v>933</v>
      </c>
      <c r="B82" s="23" t="s">
        <v>934</v>
      </c>
      <c r="C82" s="28" t="s">
        <v>935</v>
      </c>
      <c r="D82" s="13" t="s">
        <v>108</v>
      </c>
      <c r="E82" s="40" t="s">
        <v>108</v>
      </c>
      <c r="F82" s="40" t="s">
        <v>936</v>
      </c>
      <c r="G82" s="40"/>
      <c r="H82" s="40" t="s">
        <v>57</v>
      </c>
      <c r="I82" s="41" t="s">
        <v>937</v>
      </c>
    </row>
    <row r="83" spans="1:9" ht="21.6" x14ac:dyDescent="0.15">
      <c r="A83" s="23" t="s">
        <v>938</v>
      </c>
      <c r="B83" s="23" t="s">
        <v>939</v>
      </c>
      <c r="C83" s="30" t="s">
        <v>940</v>
      </c>
      <c r="D83" s="15" t="s">
        <v>884</v>
      </c>
      <c r="E83" s="40" t="s">
        <v>941</v>
      </c>
      <c r="F83" s="40" t="s">
        <v>942</v>
      </c>
      <c r="G83" s="40"/>
      <c r="H83" s="40" t="s">
        <v>735</v>
      </c>
      <c r="I83" s="41" t="s">
        <v>943</v>
      </c>
    </row>
    <row r="84" spans="1:9" ht="27" customHeight="1" x14ac:dyDescent="0.15">
      <c r="A84" s="23" t="s">
        <v>938</v>
      </c>
      <c r="B84" s="23" t="s">
        <v>939</v>
      </c>
      <c r="C84" s="31" t="s">
        <v>24</v>
      </c>
      <c r="D84" s="16" t="s">
        <v>24</v>
      </c>
      <c r="E84" s="40" t="s">
        <v>944</v>
      </c>
      <c r="F84" s="40" t="s">
        <v>942</v>
      </c>
      <c r="G84" s="40"/>
      <c r="H84" s="40"/>
      <c r="I84" s="41" t="s">
        <v>945</v>
      </c>
    </row>
    <row r="85" spans="1:9" ht="21.6" x14ac:dyDescent="0.15">
      <c r="A85" s="23" t="s">
        <v>938</v>
      </c>
      <c r="B85" s="23" t="s">
        <v>939</v>
      </c>
      <c r="C85" s="31" t="s">
        <v>24</v>
      </c>
      <c r="D85" s="16" t="s">
        <v>24</v>
      </c>
      <c r="E85" s="40" t="s">
        <v>189</v>
      </c>
      <c r="F85" s="40" t="s">
        <v>942</v>
      </c>
      <c r="G85" s="40" t="s">
        <v>169</v>
      </c>
      <c r="H85" s="40" t="s">
        <v>113</v>
      </c>
      <c r="I85" s="41" t="s">
        <v>946</v>
      </c>
    </row>
    <row r="86" spans="1:9" ht="21.6" x14ac:dyDescent="0.15">
      <c r="A86" s="23" t="s">
        <v>947</v>
      </c>
      <c r="B86" s="23" t="s">
        <v>747</v>
      </c>
      <c r="C86" s="28" t="s">
        <v>948</v>
      </c>
      <c r="D86" s="13" t="s">
        <v>749</v>
      </c>
      <c r="E86" s="40" t="s">
        <v>749</v>
      </c>
      <c r="F86" s="40" t="s">
        <v>674</v>
      </c>
      <c r="G86" s="40"/>
      <c r="H86" s="40" t="s">
        <v>695</v>
      </c>
      <c r="I86" s="41"/>
    </row>
    <row r="87" spans="1:9" x14ac:dyDescent="0.15">
      <c r="A87" s="23" t="s">
        <v>949</v>
      </c>
      <c r="B87" s="23" t="s">
        <v>657</v>
      </c>
      <c r="C87" s="28" t="s">
        <v>950</v>
      </c>
      <c r="D87" s="13" t="s">
        <v>512</v>
      </c>
      <c r="E87" s="40" t="s">
        <v>15</v>
      </c>
      <c r="F87" s="40" t="s">
        <v>951</v>
      </c>
      <c r="G87" s="40"/>
      <c r="H87" s="40"/>
      <c r="I87" s="41" t="s">
        <v>952</v>
      </c>
    </row>
    <row r="88" spans="1:9" ht="21.6" x14ac:dyDescent="0.15">
      <c r="A88" s="23" t="s">
        <v>953</v>
      </c>
      <c r="B88" s="23" t="s">
        <v>899</v>
      </c>
      <c r="C88" s="28" t="s">
        <v>954</v>
      </c>
      <c r="D88" s="13" t="s">
        <v>120</v>
      </c>
      <c r="E88" s="40" t="s">
        <v>15</v>
      </c>
      <c r="F88" s="40" t="s">
        <v>955</v>
      </c>
      <c r="G88" s="40" t="s">
        <v>956</v>
      </c>
      <c r="H88" s="40"/>
      <c r="I88" s="41" t="s">
        <v>957</v>
      </c>
    </row>
    <row r="89" spans="1:9" ht="21.6" x14ac:dyDescent="0.15">
      <c r="A89" s="23" t="s">
        <v>958</v>
      </c>
      <c r="B89" s="23" t="s">
        <v>657</v>
      </c>
      <c r="C89" s="28" t="s">
        <v>959</v>
      </c>
      <c r="D89" s="13" t="s">
        <v>512</v>
      </c>
      <c r="E89" s="40" t="s">
        <v>15</v>
      </c>
      <c r="F89" s="40" t="s">
        <v>960</v>
      </c>
      <c r="G89" s="40" t="s">
        <v>574</v>
      </c>
      <c r="H89" s="40"/>
      <c r="I89" s="41" t="s">
        <v>961</v>
      </c>
    </row>
    <row r="90" spans="1:9" ht="21.6" x14ac:dyDescent="0.15">
      <c r="A90" s="23" t="s">
        <v>962</v>
      </c>
      <c r="B90" s="23" t="s">
        <v>657</v>
      </c>
      <c r="C90" s="28" t="s">
        <v>963</v>
      </c>
      <c r="D90" s="13" t="s">
        <v>512</v>
      </c>
      <c r="E90" s="40" t="s">
        <v>15</v>
      </c>
      <c r="F90" s="40" t="s">
        <v>715</v>
      </c>
      <c r="G90" s="40" t="s">
        <v>22</v>
      </c>
      <c r="H90" s="40"/>
      <c r="I90" s="41" t="s">
        <v>964</v>
      </c>
    </row>
    <row r="91" spans="1:9" ht="28.2" customHeight="1" x14ac:dyDescent="0.15">
      <c r="A91" s="23" t="s">
        <v>965</v>
      </c>
      <c r="B91" s="23" t="s">
        <v>40</v>
      </c>
      <c r="C91" s="28" t="s">
        <v>965</v>
      </c>
      <c r="D91" s="13" t="s">
        <v>40</v>
      </c>
      <c r="E91" s="40" t="s">
        <v>966</v>
      </c>
      <c r="F91" s="40" t="s">
        <v>967</v>
      </c>
      <c r="G91" s="40"/>
      <c r="H91" s="40"/>
      <c r="I91" s="41" t="s">
        <v>968</v>
      </c>
    </row>
    <row r="92" spans="1:9" ht="32.4" x14ac:dyDescent="0.15">
      <c r="A92" s="23" t="s">
        <v>969</v>
      </c>
      <c r="B92" s="23" t="s">
        <v>220</v>
      </c>
      <c r="C92" s="30" t="s">
        <v>969</v>
      </c>
      <c r="D92" s="15" t="s">
        <v>220</v>
      </c>
      <c r="E92" s="44" t="s">
        <v>970</v>
      </c>
      <c r="F92" s="40"/>
      <c r="G92" s="45"/>
      <c r="H92" s="40"/>
      <c r="I92" s="41" t="s">
        <v>971</v>
      </c>
    </row>
    <row r="93" spans="1:9" x14ac:dyDescent="0.15">
      <c r="A93" s="23" t="s">
        <v>969</v>
      </c>
      <c r="B93" s="23" t="s">
        <v>220</v>
      </c>
      <c r="C93" s="31" t="s">
        <v>24</v>
      </c>
      <c r="D93" s="16" t="s">
        <v>24</v>
      </c>
      <c r="E93" s="44" t="s">
        <v>972</v>
      </c>
      <c r="F93" s="40"/>
      <c r="G93" s="45"/>
      <c r="H93" s="40"/>
      <c r="I93" s="41" t="s">
        <v>973</v>
      </c>
    </row>
    <row r="94" spans="1:9" x14ac:dyDescent="0.15">
      <c r="A94" s="23" t="s">
        <v>969</v>
      </c>
      <c r="B94" s="23" t="s">
        <v>220</v>
      </c>
      <c r="C94" s="31" t="s">
        <v>24</v>
      </c>
      <c r="D94" s="16" t="s">
        <v>24</v>
      </c>
      <c r="E94" s="44" t="s">
        <v>974</v>
      </c>
      <c r="F94" s="40"/>
      <c r="G94" s="45"/>
      <c r="H94" s="40"/>
      <c r="I94" s="41" t="s">
        <v>975</v>
      </c>
    </row>
    <row r="95" spans="1:9" ht="21.6" x14ac:dyDescent="0.15">
      <c r="A95" s="23" t="s">
        <v>976</v>
      </c>
      <c r="B95" s="23" t="s">
        <v>977</v>
      </c>
      <c r="C95" s="30" t="s">
        <v>978</v>
      </c>
      <c r="D95" s="13" t="s">
        <v>979</v>
      </c>
      <c r="E95" s="40" t="s">
        <v>60</v>
      </c>
      <c r="F95" s="40" t="s">
        <v>980</v>
      </c>
      <c r="G95" s="40" t="s">
        <v>246</v>
      </c>
      <c r="H95" s="40"/>
      <c r="I95" s="41" t="s">
        <v>981</v>
      </c>
    </row>
    <row r="96" spans="1:9" ht="32.4" x14ac:dyDescent="0.15">
      <c r="A96" s="23" t="s">
        <v>976</v>
      </c>
      <c r="B96" s="23" t="s">
        <v>743</v>
      </c>
      <c r="C96" s="32" t="s">
        <v>24</v>
      </c>
      <c r="D96" s="13" t="s">
        <v>315</v>
      </c>
      <c r="E96" s="40" t="s">
        <v>982</v>
      </c>
      <c r="F96" s="40" t="s">
        <v>980</v>
      </c>
      <c r="G96" s="40" t="s">
        <v>983</v>
      </c>
      <c r="H96" s="40"/>
      <c r="I96" s="41" t="s">
        <v>984</v>
      </c>
    </row>
    <row r="97" spans="1:9" ht="21.6" x14ac:dyDescent="0.15">
      <c r="A97" s="23" t="s">
        <v>985</v>
      </c>
      <c r="B97" s="23" t="s">
        <v>67</v>
      </c>
      <c r="C97" s="30" t="s">
        <v>986</v>
      </c>
      <c r="D97" s="15" t="s">
        <v>69</v>
      </c>
      <c r="E97" s="40" t="s">
        <v>69</v>
      </c>
      <c r="F97" s="40" t="s">
        <v>987</v>
      </c>
      <c r="G97" s="40" t="s">
        <v>22</v>
      </c>
      <c r="H97" s="40"/>
      <c r="I97" s="41" t="s">
        <v>988</v>
      </c>
    </row>
    <row r="98" spans="1:9" ht="21.6" x14ac:dyDescent="0.15">
      <c r="A98" s="23" t="s">
        <v>985</v>
      </c>
      <c r="B98" s="23" t="s">
        <v>67</v>
      </c>
      <c r="C98" s="31" t="s">
        <v>24</v>
      </c>
      <c r="D98" s="16" t="s">
        <v>24</v>
      </c>
      <c r="E98" s="40" t="s">
        <v>979</v>
      </c>
      <c r="F98" s="40" t="s">
        <v>989</v>
      </c>
      <c r="G98" s="40" t="s">
        <v>22</v>
      </c>
      <c r="H98" s="40"/>
      <c r="I98" s="41" t="s">
        <v>990</v>
      </c>
    </row>
    <row r="99" spans="1:9" ht="21.6" x14ac:dyDescent="0.15">
      <c r="A99" s="23" t="s">
        <v>985</v>
      </c>
      <c r="B99" s="23" t="s">
        <v>67</v>
      </c>
      <c r="C99" s="31" t="s">
        <v>24</v>
      </c>
      <c r="D99" s="16" t="s">
        <v>24</v>
      </c>
      <c r="E99" s="40" t="s">
        <v>991</v>
      </c>
      <c r="F99" s="40" t="s">
        <v>989</v>
      </c>
      <c r="G99" s="40" t="s">
        <v>22</v>
      </c>
      <c r="H99" s="40"/>
      <c r="I99" s="41" t="s">
        <v>992</v>
      </c>
    </row>
    <row r="100" spans="1:9" ht="21.6" x14ac:dyDescent="0.15">
      <c r="A100" s="23" t="s">
        <v>985</v>
      </c>
      <c r="B100" s="23" t="s">
        <v>993</v>
      </c>
      <c r="C100" s="32" t="s">
        <v>24</v>
      </c>
      <c r="D100" s="13" t="s">
        <v>550</v>
      </c>
      <c r="E100" s="40" t="s">
        <v>550</v>
      </c>
      <c r="F100" s="40" t="s">
        <v>994</v>
      </c>
      <c r="G100" s="40" t="s">
        <v>22</v>
      </c>
      <c r="H100" s="40"/>
      <c r="I100" s="41" t="s">
        <v>995</v>
      </c>
    </row>
    <row r="101" spans="1:9" ht="43.2" x14ac:dyDescent="0.15">
      <c r="A101" s="23" t="s">
        <v>985</v>
      </c>
      <c r="B101" s="23" t="s">
        <v>996</v>
      </c>
      <c r="C101" s="32" t="s">
        <v>24</v>
      </c>
      <c r="D101" s="13" t="s">
        <v>997</v>
      </c>
      <c r="E101" s="40" t="s">
        <v>15</v>
      </c>
      <c r="F101" s="40" t="s">
        <v>998</v>
      </c>
      <c r="G101" s="40" t="s">
        <v>22</v>
      </c>
      <c r="H101" s="40"/>
      <c r="I101" s="41" t="s">
        <v>999</v>
      </c>
    </row>
    <row r="102" spans="1:9" ht="21.6" x14ac:dyDescent="0.15">
      <c r="A102" s="23" t="s">
        <v>985</v>
      </c>
      <c r="B102" s="23" t="s">
        <v>1000</v>
      </c>
      <c r="C102" s="32" t="s">
        <v>24</v>
      </c>
      <c r="D102" s="13" t="s">
        <v>1001</v>
      </c>
      <c r="E102" s="40" t="s">
        <v>1001</v>
      </c>
      <c r="F102" s="40" t="s">
        <v>994</v>
      </c>
      <c r="G102" s="40" t="s">
        <v>22</v>
      </c>
      <c r="H102" s="40"/>
      <c r="I102" s="41" t="s">
        <v>1002</v>
      </c>
    </row>
    <row r="103" spans="1:9" x14ac:dyDescent="0.15">
      <c r="A103" s="23" t="s">
        <v>1003</v>
      </c>
      <c r="B103" s="23" t="s">
        <v>531</v>
      </c>
      <c r="C103" s="28" t="s">
        <v>1003</v>
      </c>
      <c r="D103" s="13" t="s">
        <v>531</v>
      </c>
      <c r="E103" s="40" t="s">
        <v>531</v>
      </c>
      <c r="F103" s="40" t="s">
        <v>700</v>
      </c>
      <c r="G103" s="40"/>
      <c r="H103" s="40" t="s">
        <v>740</v>
      </c>
      <c r="I103" s="41"/>
    </row>
    <row r="104" spans="1:9" ht="21.6" x14ac:dyDescent="0.15">
      <c r="A104" s="23" t="s">
        <v>1004</v>
      </c>
      <c r="B104" s="23" t="s">
        <v>657</v>
      </c>
      <c r="C104" s="30" t="s">
        <v>1005</v>
      </c>
      <c r="D104" s="13" t="s">
        <v>512</v>
      </c>
      <c r="E104" s="40" t="s">
        <v>15</v>
      </c>
      <c r="F104" s="40" t="s">
        <v>1006</v>
      </c>
      <c r="G104" s="40" t="s">
        <v>169</v>
      </c>
      <c r="H104" s="40"/>
      <c r="I104" s="41" t="s">
        <v>1007</v>
      </c>
    </row>
    <row r="105" spans="1:9" ht="21.6" x14ac:dyDescent="0.15">
      <c r="A105" s="23" t="s">
        <v>1004</v>
      </c>
      <c r="B105" s="23" t="s">
        <v>142</v>
      </c>
      <c r="C105" s="32" t="s">
        <v>24</v>
      </c>
      <c r="D105" s="13" t="s">
        <v>143</v>
      </c>
      <c r="E105" s="40" t="s">
        <v>1008</v>
      </c>
      <c r="F105" s="40" t="s">
        <v>1009</v>
      </c>
      <c r="G105" s="40" t="s">
        <v>169</v>
      </c>
      <c r="H105" s="40"/>
      <c r="I105" s="41" t="s">
        <v>1007</v>
      </c>
    </row>
    <row r="106" spans="1:9" ht="21.6" x14ac:dyDescent="0.15">
      <c r="A106" s="23" t="s">
        <v>1004</v>
      </c>
      <c r="B106" s="23" t="s">
        <v>1010</v>
      </c>
      <c r="C106" s="32" t="s">
        <v>24</v>
      </c>
      <c r="D106" s="13" t="s">
        <v>157</v>
      </c>
      <c r="E106" s="40" t="s">
        <v>1011</v>
      </c>
      <c r="F106" s="40" t="s">
        <v>1009</v>
      </c>
      <c r="G106" s="40" t="s">
        <v>169</v>
      </c>
      <c r="H106" s="40"/>
      <c r="I106" s="41" t="s">
        <v>1007</v>
      </c>
    </row>
    <row r="107" spans="1:9" ht="64.2" customHeight="1" x14ac:dyDescent="0.15">
      <c r="A107" s="23" t="s">
        <v>1012</v>
      </c>
      <c r="B107" s="23" t="s">
        <v>220</v>
      </c>
      <c r="C107" s="28" t="s">
        <v>1012</v>
      </c>
      <c r="D107" s="13" t="s">
        <v>220</v>
      </c>
      <c r="E107" s="44" t="s">
        <v>1013</v>
      </c>
      <c r="F107" s="40"/>
      <c r="G107" s="45"/>
      <c r="H107" s="40" t="s">
        <v>57</v>
      </c>
      <c r="I107" s="41"/>
    </row>
    <row r="108" spans="1:9" ht="21.6" x14ac:dyDescent="0.15">
      <c r="A108" s="23" t="s">
        <v>1014</v>
      </c>
      <c r="B108" s="23" t="s">
        <v>220</v>
      </c>
      <c r="C108" s="30" t="s">
        <v>1014</v>
      </c>
      <c r="D108" s="15" t="s">
        <v>220</v>
      </c>
      <c r="E108" s="40" t="s">
        <v>974</v>
      </c>
      <c r="F108" s="40" t="s">
        <v>674</v>
      </c>
      <c r="G108" s="40"/>
      <c r="H108" s="40" t="s">
        <v>57</v>
      </c>
      <c r="I108" s="41" t="s">
        <v>1015</v>
      </c>
    </row>
    <row r="109" spans="1:9" ht="21.6" x14ac:dyDescent="0.15">
      <c r="A109" s="23" t="s">
        <v>1014</v>
      </c>
      <c r="B109" s="23" t="s">
        <v>220</v>
      </c>
      <c r="C109" s="31" t="s">
        <v>24</v>
      </c>
      <c r="D109" s="16" t="s">
        <v>24</v>
      </c>
      <c r="E109" s="42" t="s">
        <v>1016</v>
      </c>
      <c r="F109" s="40" t="s">
        <v>806</v>
      </c>
      <c r="G109" s="40"/>
      <c r="H109" s="40" t="s">
        <v>1017</v>
      </c>
      <c r="I109" s="41" t="s">
        <v>1018</v>
      </c>
    </row>
    <row r="110" spans="1:9" ht="27" customHeight="1" x14ac:dyDescent="0.15">
      <c r="A110" s="23" t="s">
        <v>1014</v>
      </c>
      <c r="B110" s="23" t="s">
        <v>220</v>
      </c>
      <c r="C110" s="31" t="s">
        <v>24</v>
      </c>
      <c r="D110" s="17" t="s">
        <v>24</v>
      </c>
      <c r="E110" s="43" t="s">
        <v>24</v>
      </c>
      <c r="F110" s="40" t="s">
        <v>1019</v>
      </c>
      <c r="G110" s="40"/>
      <c r="H110" s="40" t="s">
        <v>1017</v>
      </c>
      <c r="I110" s="41" t="s">
        <v>1020</v>
      </c>
    </row>
    <row r="111" spans="1:9" ht="21.6" x14ac:dyDescent="0.15">
      <c r="A111" s="23" t="s">
        <v>1014</v>
      </c>
      <c r="B111" s="23" t="s">
        <v>220</v>
      </c>
      <c r="C111" s="31" t="s">
        <v>24</v>
      </c>
      <c r="D111" s="16" t="s">
        <v>24</v>
      </c>
      <c r="E111" s="40" t="s">
        <v>1021</v>
      </c>
      <c r="F111" s="40" t="s">
        <v>709</v>
      </c>
      <c r="G111" s="40"/>
      <c r="H111" s="40" t="s">
        <v>57</v>
      </c>
      <c r="I111" s="41" t="s">
        <v>1022</v>
      </c>
    </row>
    <row r="112" spans="1:9" x14ac:dyDescent="0.15">
      <c r="A112" s="23" t="s">
        <v>1023</v>
      </c>
      <c r="B112" s="23" t="s">
        <v>617</v>
      </c>
      <c r="C112" s="30" t="s">
        <v>1024</v>
      </c>
      <c r="D112" s="13" t="s">
        <v>40</v>
      </c>
      <c r="E112" s="40" t="s">
        <v>15</v>
      </c>
      <c r="F112" s="40" t="s">
        <v>936</v>
      </c>
      <c r="G112" s="40"/>
      <c r="H112" s="40" t="s">
        <v>341</v>
      </c>
      <c r="I112" s="41"/>
    </row>
    <row r="113" spans="1:9" x14ac:dyDescent="0.15">
      <c r="A113" s="23" t="s">
        <v>1023</v>
      </c>
      <c r="B113" s="23" t="s">
        <v>1025</v>
      </c>
      <c r="C113" s="32" t="s">
        <v>24</v>
      </c>
      <c r="D113" s="15" t="s">
        <v>531</v>
      </c>
      <c r="E113" s="42" t="s">
        <v>531</v>
      </c>
      <c r="F113" s="40" t="s">
        <v>674</v>
      </c>
      <c r="G113" s="40"/>
      <c r="H113" s="40" t="s">
        <v>341</v>
      </c>
      <c r="I113" s="41"/>
    </row>
    <row r="114" spans="1:9" x14ac:dyDescent="0.15">
      <c r="A114" s="23" t="s">
        <v>1023</v>
      </c>
      <c r="B114" s="23" t="s">
        <v>1025</v>
      </c>
      <c r="C114" s="31" t="s">
        <v>24</v>
      </c>
      <c r="D114" s="17" t="s">
        <v>24</v>
      </c>
      <c r="E114" s="43" t="s">
        <v>24</v>
      </c>
      <c r="F114" s="40" t="s">
        <v>1026</v>
      </c>
      <c r="G114" s="40" t="s">
        <v>904</v>
      </c>
      <c r="H114" s="40" t="s">
        <v>341</v>
      </c>
      <c r="I114" s="41"/>
    </row>
    <row r="115" spans="1:9" x14ac:dyDescent="0.15">
      <c r="A115" s="23" t="s">
        <v>1027</v>
      </c>
      <c r="B115" s="23" t="s">
        <v>1028</v>
      </c>
      <c r="C115" s="30" t="s">
        <v>1029</v>
      </c>
      <c r="D115" s="15" t="s">
        <v>1030</v>
      </c>
      <c r="E115" s="42" t="s">
        <v>1030</v>
      </c>
      <c r="F115" s="40" t="s">
        <v>694</v>
      </c>
      <c r="G115" s="40"/>
      <c r="H115" s="40" t="s">
        <v>57</v>
      </c>
      <c r="I115" s="41"/>
    </row>
    <row r="116" spans="1:9" x14ac:dyDescent="0.15">
      <c r="A116" s="23" t="s">
        <v>1027</v>
      </c>
      <c r="B116" s="23" t="s">
        <v>1028</v>
      </c>
      <c r="C116" s="31" t="s">
        <v>24</v>
      </c>
      <c r="D116" s="17" t="s">
        <v>24</v>
      </c>
      <c r="E116" s="43" t="s">
        <v>24</v>
      </c>
      <c r="F116" s="40" t="s">
        <v>679</v>
      </c>
      <c r="G116" s="40"/>
      <c r="H116" s="40" t="s">
        <v>57</v>
      </c>
      <c r="I116" s="41" t="s">
        <v>1031</v>
      </c>
    </row>
    <row r="117" spans="1:9" ht="21.6" x14ac:dyDescent="0.15">
      <c r="A117" s="23" t="s">
        <v>1032</v>
      </c>
      <c r="B117" s="23" t="s">
        <v>1033</v>
      </c>
      <c r="C117" s="30" t="s">
        <v>1034</v>
      </c>
      <c r="D117" s="13" t="s">
        <v>835</v>
      </c>
      <c r="E117" s="40" t="s">
        <v>836</v>
      </c>
      <c r="F117" s="40" t="s">
        <v>674</v>
      </c>
      <c r="G117" s="40" t="s">
        <v>22</v>
      </c>
      <c r="H117" s="40"/>
      <c r="I117" s="41" t="s">
        <v>1035</v>
      </c>
    </row>
    <row r="118" spans="1:9" ht="21.6" x14ac:dyDescent="0.15">
      <c r="A118" s="23" t="s">
        <v>1032</v>
      </c>
      <c r="B118" s="23" t="s">
        <v>934</v>
      </c>
      <c r="C118" s="32" t="s">
        <v>24</v>
      </c>
      <c r="D118" s="13" t="s">
        <v>108</v>
      </c>
      <c r="E118" s="40" t="s">
        <v>108</v>
      </c>
      <c r="F118" s="40" t="s">
        <v>674</v>
      </c>
      <c r="G118" s="40" t="s">
        <v>22</v>
      </c>
      <c r="H118" s="40"/>
      <c r="I118" s="41" t="s">
        <v>1036</v>
      </c>
    </row>
    <row r="119" spans="1:9" ht="43.2" x14ac:dyDescent="0.15">
      <c r="A119" s="23" t="s">
        <v>1037</v>
      </c>
      <c r="B119" s="23" t="s">
        <v>1038</v>
      </c>
      <c r="C119" s="28" t="s">
        <v>1039</v>
      </c>
      <c r="D119" s="13" t="s">
        <v>1040</v>
      </c>
      <c r="E119" s="40" t="s">
        <v>15</v>
      </c>
      <c r="F119" s="40" t="s">
        <v>1041</v>
      </c>
      <c r="G119" s="40" t="s">
        <v>22</v>
      </c>
      <c r="H119" s="40"/>
      <c r="I119" s="41" t="s">
        <v>1042</v>
      </c>
    </row>
    <row r="120" spans="1:9" ht="43.2" x14ac:dyDescent="0.15">
      <c r="A120" s="23" t="s">
        <v>1043</v>
      </c>
      <c r="B120" s="23" t="s">
        <v>1044</v>
      </c>
      <c r="C120" s="28" t="s">
        <v>1045</v>
      </c>
      <c r="D120" s="13" t="s">
        <v>1046</v>
      </c>
      <c r="E120" s="40" t="s">
        <v>1047</v>
      </c>
      <c r="F120" s="40" t="s">
        <v>674</v>
      </c>
      <c r="G120" s="40" t="s">
        <v>1048</v>
      </c>
      <c r="H120" s="40"/>
      <c r="I120" s="41" t="s">
        <v>1049</v>
      </c>
    </row>
    <row r="121" spans="1:9" x14ac:dyDescent="0.15">
      <c r="A121" s="23" t="s">
        <v>1050</v>
      </c>
      <c r="B121" s="23" t="s">
        <v>1025</v>
      </c>
      <c r="C121" s="28" t="s">
        <v>1051</v>
      </c>
      <c r="D121" s="13" t="s">
        <v>531</v>
      </c>
      <c r="E121" s="40" t="s">
        <v>531</v>
      </c>
      <c r="F121" s="40" t="s">
        <v>674</v>
      </c>
      <c r="G121" s="40"/>
      <c r="H121" s="40" t="s">
        <v>341</v>
      </c>
      <c r="I121" s="41"/>
    </row>
    <row r="122" spans="1:9" ht="21.6" x14ac:dyDescent="0.15">
      <c r="A122" s="23" t="s">
        <v>1052</v>
      </c>
      <c r="B122" s="23" t="s">
        <v>1053</v>
      </c>
      <c r="C122" s="30" t="s">
        <v>1054</v>
      </c>
      <c r="D122" s="13" t="s">
        <v>1055</v>
      </c>
      <c r="E122" s="40" t="s">
        <v>15</v>
      </c>
      <c r="F122" s="40" t="s">
        <v>715</v>
      </c>
      <c r="G122" s="40"/>
      <c r="H122" s="40" t="s">
        <v>57</v>
      </c>
      <c r="I122" s="41" t="s">
        <v>1056</v>
      </c>
    </row>
    <row r="123" spans="1:9" ht="21.6" x14ac:dyDescent="0.15">
      <c r="A123" s="23" t="s">
        <v>1052</v>
      </c>
      <c r="B123" s="23" t="s">
        <v>840</v>
      </c>
      <c r="C123" s="32" t="s">
        <v>24</v>
      </c>
      <c r="D123" s="13" t="s">
        <v>512</v>
      </c>
      <c r="E123" s="40" t="s">
        <v>15</v>
      </c>
      <c r="F123" s="40" t="s">
        <v>715</v>
      </c>
      <c r="G123" s="40" t="s">
        <v>1048</v>
      </c>
      <c r="H123" s="40"/>
      <c r="I123" s="41" t="s">
        <v>1057</v>
      </c>
    </row>
    <row r="124" spans="1:9" ht="21.6" x14ac:dyDescent="0.15">
      <c r="A124" s="23" t="s">
        <v>1058</v>
      </c>
      <c r="B124" s="23" t="s">
        <v>1059</v>
      </c>
      <c r="C124" s="28" t="s">
        <v>1060</v>
      </c>
      <c r="D124" s="13" t="s">
        <v>512</v>
      </c>
      <c r="E124" s="40" t="s">
        <v>15</v>
      </c>
      <c r="F124" s="40" t="s">
        <v>1061</v>
      </c>
      <c r="G124" s="40"/>
      <c r="H124" s="40" t="s">
        <v>341</v>
      </c>
      <c r="I124" s="41"/>
    </row>
    <row r="125" spans="1:9" x14ac:dyDescent="0.15">
      <c r="A125" s="23" t="s">
        <v>1062</v>
      </c>
      <c r="B125" s="23" t="s">
        <v>1063</v>
      </c>
      <c r="C125" s="28" t="s">
        <v>1064</v>
      </c>
      <c r="D125" s="13" t="s">
        <v>255</v>
      </c>
      <c r="E125" s="40" t="s">
        <v>255</v>
      </c>
      <c r="F125" s="40" t="s">
        <v>1065</v>
      </c>
      <c r="G125" s="40"/>
      <c r="H125" s="40" t="s">
        <v>57</v>
      </c>
      <c r="I125" s="41"/>
    </row>
    <row r="126" spans="1:9" ht="32.4" x14ac:dyDescent="0.15">
      <c r="A126" s="23" t="s">
        <v>1066</v>
      </c>
      <c r="B126" s="23" t="s">
        <v>657</v>
      </c>
      <c r="C126" s="28" t="s">
        <v>1067</v>
      </c>
      <c r="D126" s="13" t="s">
        <v>512</v>
      </c>
      <c r="E126" s="40" t="s">
        <v>15</v>
      </c>
      <c r="F126" s="40" t="s">
        <v>1068</v>
      </c>
      <c r="G126" s="40" t="s">
        <v>22</v>
      </c>
      <c r="H126" s="40"/>
      <c r="I126" s="41" t="s">
        <v>1069</v>
      </c>
    </row>
    <row r="127" spans="1:9" x14ac:dyDescent="0.15">
      <c r="A127" s="23" t="s">
        <v>1070</v>
      </c>
      <c r="B127" s="23" t="s">
        <v>220</v>
      </c>
      <c r="C127" s="28" t="s">
        <v>1071</v>
      </c>
      <c r="D127" s="13" t="s">
        <v>220</v>
      </c>
      <c r="E127" s="40" t="s">
        <v>1072</v>
      </c>
      <c r="F127" s="40" t="s">
        <v>674</v>
      </c>
      <c r="G127" s="40" t="s">
        <v>654</v>
      </c>
      <c r="H127" s="40" t="s">
        <v>57</v>
      </c>
      <c r="I127" s="41"/>
    </row>
    <row r="128" spans="1:9" ht="21.6" x14ac:dyDescent="0.15">
      <c r="A128" s="23" t="s">
        <v>1073</v>
      </c>
      <c r="B128" s="23" t="s">
        <v>873</v>
      </c>
      <c r="C128" s="28" t="s">
        <v>1074</v>
      </c>
      <c r="D128" s="13" t="s">
        <v>651</v>
      </c>
      <c r="E128" s="40" t="s">
        <v>1075</v>
      </c>
      <c r="F128" s="40" t="s">
        <v>709</v>
      </c>
      <c r="G128" s="40"/>
      <c r="H128" s="40" t="s">
        <v>57</v>
      </c>
      <c r="I128" s="41"/>
    </row>
    <row r="129" spans="1:9" ht="32.4" x14ac:dyDescent="0.15">
      <c r="A129" s="23" t="s">
        <v>1076</v>
      </c>
      <c r="B129" s="23" t="s">
        <v>925</v>
      </c>
      <c r="C129" s="28" t="s">
        <v>1077</v>
      </c>
      <c r="D129" s="13" t="s">
        <v>927</v>
      </c>
      <c r="E129" s="40" t="s">
        <v>15</v>
      </c>
      <c r="F129" s="40" t="s">
        <v>827</v>
      </c>
      <c r="G129" s="40" t="s">
        <v>830</v>
      </c>
      <c r="H129" s="40" t="s">
        <v>1078</v>
      </c>
      <c r="I129" s="41" t="s">
        <v>1079</v>
      </c>
    </row>
    <row r="130" spans="1:9" ht="21.6" x14ac:dyDescent="0.15">
      <c r="A130" s="23" t="s">
        <v>1080</v>
      </c>
      <c r="B130" s="23" t="s">
        <v>1081</v>
      </c>
      <c r="C130" s="28" t="s">
        <v>1082</v>
      </c>
      <c r="D130" s="13" t="s">
        <v>1083</v>
      </c>
      <c r="E130" s="40" t="s">
        <v>15</v>
      </c>
      <c r="F130" s="40" t="s">
        <v>1084</v>
      </c>
      <c r="G130" s="40"/>
      <c r="H130" s="40" t="s">
        <v>57</v>
      </c>
      <c r="I130" s="41" t="s">
        <v>1085</v>
      </c>
    </row>
    <row r="131" spans="1:9" ht="21.6" x14ac:dyDescent="0.15">
      <c r="A131" s="23" t="s">
        <v>1086</v>
      </c>
      <c r="B131" s="23" t="s">
        <v>1087</v>
      </c>
      <c r="C131" s="28" t="s">
        <v>1088</v>
      </c>
      <c r="D131" s="13" t="s">
        <v>1089</v>
      </c>
      <c r="E131" s="40" t="s">
        <v>1089</v>
      </c>
      <c r="F131" s="40" t="s">
        <v>1090</v>
      </c>
      <c r="G131" s="40" t="s">
        <v>22</v>
      </c>
      <c r="H131" s="40"/>
      <c r="I131" s="41" t="s">
        <v>1091</v>
      </c>
    </row>
    <row r="132" spans="1:9" x14ac:dyDescent="0.15">
      <c r="A132" s="23" t="s">
        <v>1092</v>
      </c>
      <c r="B132" s="23" t="s">
        <v>657</v>
      </c>
      <c r="C132" s="28" t="s">
        <v>1093</v>
      </c>
      <c r="D132" s="13" t="s">
        <v>512</v>
      </c>
      <c r="E132" s="40" t="s">
        <v>15</v>
      </c>
      <c r="F132" s="40" t="s">
        <v>1094</v>
      </c>
      <c r="G132" s="40"/>
      <c r="H132" s="40" t="s">
        <v>57</v>
      </c>
      <c r="I132" s="41"/>
    </row>
    <row r="133" spans="1:9" x14ac:dyDescent="0.15">
      <c r="A133" s="23" t="s">
        <v>1095</v>
      </c>
      <c r="B133" s="23" t="s">
        <v>657</v>
      </c>
      <c r="C133" s="28" t="s">
        <v>1096</v>
      </c>
      <c r="D133" s="13" t="s">
        <v>512</v>
      </c>
      <c r="E133" s="40" t="s">
        <v>15</v>
      </c>
      <c r="F133" s="40" t="s">
        <v>674</v>
      </c>
      <c r="G133" s="40"/>
      <c r="H133" s="40" t="s">
        <v>341</v>
      </c>
      <c r="I133" s="41" t="s">
        <v>1097</v>
      </c>
    </row>
    <row r="134" spans="1:9" ht="21.6" x14ac:dyDescent="0.15">
      <c r="A134" s="23" t="s">
        <v>1098</v>
      </c>
      <c r="B134" s="23" t="s">
        <v>1099</v>
      </c>
      <c r="C134" s="28" t="s">
        <v>1100</v>
      </c>
      <c r="D134" s="13" t="s">
        <v>1099</v>
      </c>
      <c r="E134" s="40" t="s">
        <v>15</v>
      </c>
      <c r="F134" s="40" t="s">
        <v>1101</v>
      </c>
      <c r="G134" s="40" t="s">
        <v>22</v>
      </c>
      <c r="H134" s="40"/>
      <c r="I134" s="41" t="s">
        <v>1102</v>
      </c>
    </row>
    <row r="135" spans="1:9" ht="21.6" x14ac:dyDescent="0.15">
      <c r="A135" s="23" t="s">
        <v>1103</v>
      </c>
      <c r="B135" s="23" t="s">
        <v>651</v>
      </c>
      <c r="C135" s="28" t="s">
        <v>1104</v>
      </c>
      <c r="D135" s="13" t="s">
        <v>651</v>
      </c>
      <c r="E135" s="40" t="s">
        <v>15</v>
      </c>
      <c r="F135" s="40" t="s">
        <v>709</v>
      </c>
      <c r="G135" s="40"/>
      <c r="H135" s="40" t="s">
        <v>113</v>
      </c>
      <c r="I135" s="41" t="s">
        <v>1105</v>
      </c>
    </row>
    <row r="136" spans="1:9" x14ac:dyDescent="0.15">
      <c r="A136" s="23" t="s">
        <v>1106</v>
      </c>
      <c r="B136" s="23" t="s">
        <v>657</v>
      </c>
      <c r="C136" s="28" t="s">
        <v>1107</v>
      </c>
      <c r="D136" s="13" t="s">
        <v>512</v>
      </c>
      <c r="E136" s="40" t="s">
        <v>15</v>
      </c>
      <c r="F136" s="40" t="s">
        <v>1108</v>
      </c>
      <c r="G136" s="40"/>
      <c r="H136" s="40" t="s">
        <v>113</v>
      </c>
      <c r="I136" s="41"/>
    </row>
    <row r="137" spans="1:9" ht="21.6" x14ac:dyDescent="0.15">
      <c r="A137" s="23" t="s">
        <v>1109</v>
      </c>
      <c r="B137" s="23" t="s">
        <v>657</v>
      </c>
      <c r="C137" s="28" t="s">
        <v>1110</v>
      </c>
      <c r="D137" s="13" t="s">
        <v>512</v>
      </c>
      <c r="E137" s="40" t="s">
        <v>15</v>
      </c>
      <c r="F137" s="40" t="s">
        <v>679</v>
      </c>
      <c r="G137" s="40"/>
      <c r="H137" s="40" t="s">
        <v>57</v>
      </c>
      <c r="I137" s="41"/>
    </row>
    <row r="138" spans="1:9" x14ac:dyDescent="0.15">
      <c r="A138" s="23" t="s">
        <v>1111</v>
      </c>
      <c r="B138" s="23" t="s">
        <v>657</v>
      </c>
      <c r="C138" s="28" t="s">
        <v>1112</v>
      </c>
      <c r="D138" s="13" t="s">
        <v>512</v>
      </c>
      <c r="E138" s="40" t="s">
        <v>15</v>
      </c>
      <c r="F138" s="40" t="s">
        <v>1113</v>
      </c>
      <c r="G138" s="40"/>
      <c r="H138" s="40" t="s">
        <v>57</v>
      </c>
      <c r="I138" s="41"/>
    </row>
    <row r="139" spans="1:9" ht="32.4" x14ac:dyDescent="0.15">
      <c r="A139" s="23" t="s">
        <v>1114</v>
      </c>
      <c r="B139" s="23" t="s">
        <v>1047</v>
      </c>
      <c r="C139" s="28" t="s">
        <v>1115</v>
      </c>
      <c r="D139" s="13" t="s">
        <v>1047</v>
      </c>
      <c r="E139" s="40" t="s">
        <v>1047</v>
      </c>
      <c r="F139" s="40" t="s">
        <v>1116</v>
      </c>
      <c r="G139" s="40" t="s">
        <v>1117</v>
      </c>
      <c r="H139" s="40" t="s">
        <v>1118</v>
      </c>
      <c r="I139" s="41" t="s">
        <v>1119</v>
      </c>
    </row>
    <row r="140" spans="1:9" ht="21.6" x14ac:dyDescent="0.15">
      <c r="A140" s="23" t="s">
        <v>1120</v>
      </c>
      <c r="B140" s="23" t="s">
        <v>1121</v>
      </c>
      <c r="C140" s="28" t="s">
        <v>1122</v>
      </c>
      <c r="D140" s="13" t="s">
        <v>1123</v>
      </c>
      <c r="E140" s="40" t="s">
        <v>15</v>
      </c>
      <c r="F140" s="40" t="s">
        <v>1116</v>
      </c>
      <c r="G140" s="40" t="s">
        <v>1117</v>
      </c>
      <c r="H140" s="40"/>
      <c r="I140" s="41" t="s">
        <v>1124</v>
      </c>
    </row>
    <row r="141" spans="1:9" ht="21.6" x14ac:dyDescent="0.15">
      <c r="A141" s="23" t="s">
        <v>1125</v>
      </c>
      <c r="B141" s="23" t="s">
        <v>657</v>
      </c>
      <c r="C141" s="28" t="s">
        <v>1126</v>
      </c>
      <c r="D141" s="13" t="s">
        <v>512</v>
      </c>
      <c r="E141" s="40" t="s">
        <v>15</v>
      </c>
      <c r="F141" s="40" t="s">
        <v>1127</v>
      </c>
      <c r="G141" s="40"/>
      <c r="H141" s="40" t="s">
        <v>341</v>
      </c>
      <c r="I141" s="41"/>
    </row>
    <row r="142" spans="1:9" x14ac:dyDescent="0.15">
      <c r="A142" s="23" t="s">
        <v>1128</v>
      </c>
      <c r="B142" s="23" t="s">
        <v>1129</v>
      </c>
      <c r="C142" s="28" t="s">
        <v>1130</v>
      </c>
      <c r="D142" s="13" t="s">
        <v>1131</v>
      </c>
      <c r="E142" s="40" t="s">
        <v>1131</v>
      </c>
      <c r="F142" s="40" t="s">
        <v>674</v>
      </c>
      <c r="G142" s="40"/>
      <c r="H142" s="40" t="s">
        <v>735</v>
      </c>
      <c r="I142" s="41"/>
    </row>
    <row r="143" spans="1:9" ht="21.6" x14ac:dyDescent="0.15">
      <c r="A143" s="23" t="s">
        <v>1132</v>
      </c>
      <c r="B143" s="23" t="s">
        <v>657</v>
      </c>
      <c r="C143" s="28" t="s">
        <v>1133</v>
      </c>
      <c r="D143" s="13" t="s">
        <v>512</v>
      </c>
      <c r="E143" s="40" t="s">
        <v>15</v>
      </c>
      <c r="F143" s="40" t="s">
        <v>1134</v>
      </c>
      <c r="G143" s="40"/>
      <c r="H143" s="40" t="s">
        <v>347</v>
      </c>
      <c r="I143" s="41"/>
    </row>
    <row r="144" spans="1:9" ht="21.6" x14ac:dyDescent="0.15">
      <c r="A144" s="23" t="s">
        <v>1135</v>
      </c>
      <c r="B144" s="23" t="s">
        <v>651</v>
      </c>
      <c r="C144" s="30" t="s">
        <v>1135</v>
      </c>
      <c r="D144" s="15" t="s">
        <v>651</v>
      </c>
      <c r="E144" s="40" t="s">
        <v>1136</v>
      </c>
      <c r="F144" s="40" t="s">
        <v>1137</v>
      </c>
      <c r="G144" s="40"/>
      <c r="H144" s="40" t="s">
        <v>1138</v>
      </c>
      <c r="I144" s="41" t="s">
        <v>1139</v>
      </c>
    </row>
    <row r="145" spans="1:9" ht="21.6" x14ac:dyDescent="0.15">
      <c r="A145" s="23" t="s">
        <v>1135</v>
      </c>
      <c r="B145" s="23" t="s">
        <v>651</v>
      </c>
      <c r="C145" s="31" t="s">
        <v>24</v>
      </c>
      <c r="D145" s="16" t="s">
        <v>24</v>
      </c>
      <c r="E145" s="40" t="s">
        <v>1140</v>
      </c>
      <c r="F145" s="40" t="s">
        <v>1137</v>
      </c>
      <c r="G145" s="40"/>
      <c r="H145" s="40"/>
      <c r="I145" s="41" t="s">
        <v>1141</v>
      </c>
    </row>
    <row r="146" spans="1:9" ht="21.6" x14ac:dyDescent="0.15">
      <c r="A146" s="23" t="s">
        <v>1135</v>
      </c>
      <c r="B146" s="23" t="s">
        <v>651</v>
      </c>
      <c r="C146" s="31" t="s">
        <v>24</v>
      </c>
      <c r="D146" s="16" t="s">
        <v>24</v>
      </c>
      <c r="E146" s="40" t="s">
        <v>1142</v>
      </c>
      <c r="F146" s="40" t="s">
        <v>1137</v>
      </c>
      <c r="G146" s="40"/>
      <c r="H146" s="40"/>
      <c r="I146" s="41" t="s">
        <v>1143</v>
      </c>
    </row>
    <row r="147" spans="1:9" ht="21.6" x14ac:dyDescent="0.15">
      <c r="A147" s="23" t="s">
        <v>1135</v>
      </c>
      <c r="B147" s="23" t="s">
        <v>651</v>
      </c>
      <c r="C147" s="31" t="s">
        <v>24</v>
      </c>
      <c r="D147" s="16" t="s">
        <v>24</v>
      </c>
      <c r="E147" s="40" t="s">
        <v>1144</v>
      </c>
      <c r="F147" s="40" t="s">
        <v>1137</v>
      </c>
      <c r="G147" s="40"/>
      <c r="H147" s="40"/>
      <c r="I147" s="41" t="s">
        <v>1145</v>
      </c>
    </row>
    <row r="148" spans="1:9" ht="32.4" x14ac:dyDescent="0.15">
      <c r="A148" s="23" t="s">
        <v>1135</v>
      </c>
      <c r="B148" s="23" t="s">
        <v>651</v>
      </c>
      <c r="C148" s="31" t="s">
        <v>24</v>
      </c>
      <c r="D148" s="16" t="s">
        <v>24</v>
      </c>
      <c r="E148" s="40" t="s">
        <v>1146</v>
      </c>
      <c r="F148" s="40" t="s">
        <v>1147</v>
      </c>
      <c r="G148" s="40"/>
      <c r="H148" s="40"/>
      <c r="I148" s="41" t="s">
        <v>1148</v>
      </c>
    </row>
    <row r="149" spans="1:9" ht="62.4" customHeight="1" x14ac:dyDescent="0.15">
      <c r="A149" s="23" t="s">
        <v>1135</v>
      </c>
      <c r="B149" s="23" t="s">
        <v>651</v>
      </c>
      <c r="C149" s="31" t="s">
        <v>24</v>
      </c>
      <c r="D149" s="16" t="s">
        <v>24</v>
      </c>
      <c r="E149" s="40" t="s">
        <v>1149</v>
      </c>
      <c r="F149" s="40" t="s">
        <v>1147</v>
      </c>
      <c r="G149" s="40"/>
      <c r="H149" s="40"/>
      <c r="I149" s="41" t="s">
        <v>1150</v>
      </c>
    </row>
    <row r="150" spans="1:9" ht="32.4" x14ac:dyDescent="0.15">
      <c r="A150" s="23" t="s">
        <v>1151</v>
      </c>
      <c r="B150" s="23" t="s">
        <v>925</v>
      </c>
      <c r="C150" s="28" t="s">
        <v>1152</v>
      </c>
      <c r="D150" s="13" t="s">
        <v>927</v>
      </c>
      <c r="E150" s="40" t="s">
        <v>15</v>
      </c>
      <c r="F150" s="40" t="s">
        <v>674</v>
      </c>
      <c r="G150" s="40" t="s">
        <v>904</v>
      </c>
      <c r="H150" s="40" t="s">
        <v>740</v>
      </c>
      <c r="I150" s="41" t="s">
        <v>1153</v>
      </c>
    </row>
    <row r="151" spans="1:9" x14ac:dyDescent="0.15">
      <c r="A151" s="23" t="s">
        <v>1154</v>
      </c>
      <c r="B151" s="23" t="s">
        <v>1155</v>
      </c>
      <c r="C151" s="28" t="s">
        <v>1156</v>
      </c>
      <c r="D151" s="13" t="s">
        <v>1157</v>
      </c>
      <c r="E151" s="40" t="s">
        <v>15</v>
      </c>
      <c r="F151" s="40" t="s">
        <v>1116</v>
      </c>
      <c r="G151" s="40"/>
      <c r="H151" s="40" t="s">
        <v>57</v>
      </c>
      <c r="I151" s="41"/>
    </row>
    <row r="152" spans="1:9" ht="21.6" x14ac:dyDescent="0.15">
      <c r="A152" s="23" t="s">
        <v>1158</v>
      </c>
      <c r="B152" s="23" t="s">
        <v>657</v>
      </c>
      <c r="C152" s="28" t="s">
        <v>1159</v>
      </c>
      <c r="D152" s="13" t="s">
        <v>512</v>
      </c>
      <c r="E152" s="40" t="s">
        <v>15</v>
      </c>
      <c r="F152" s="40" t="s">
        <v>1160</v>
      </c>
      <c r="G152" s="40" t="s">
        <v>751</v>
      </c>
      <c r="H152" s="40" t="s">
        <v>341</v>
      </c>
      <c r="I152" s="41" t="s">
        <v>1161</v>
      </c>
    </row>
    <row r="153" spans="1:9" ht="21.6" x14ac:dyDescent="0.15">
      <c r="A153" s="23" t="s">
        <v>1162</v>
      </c>
      <c r="B153" s="23" t="s">
        <v>1163</v>
      </c>
      <c r="C153" s="28" t="s">
        <v>1164</v>
      </c>
      <c r="D153" s="13" t="s">
        <v>1165</v>
      </c>
      <c r="E153" s="40" t="s">
        <v>15</v>
      </c>
      <c r="F153" s="40" t="s">
        <v>1166</v>
      </c>
      <c r="G153" s="40"/>
      <c r="H153" s="40" t="s">
        <v>1167</v>
      </c>
      <c r="I153" s="41" t="s">
        <v>1168</v>
      </c>
    </row>
    <row r="154" spans="1:9" ht="32.4" x14ac:dyDescent="0.15">
      <c r="A154" s="23" t="s">
        <v>1169</v>
      </c>
      <c r="B154" s="23" t="s">
        <v>1170</v>
      </c>
      <c r="C154" s="30" t="s">
        <v>1171</v>
      </c>
      <c r="D154" s="15" t="s">
        <v>512</v>
      </c>
      <c r="E154" s="42" t="s">
        <v>15</v>
      </c>
      <c r="F154" s="40" t="s">
        <v>1172</v>
      </c>
      <c r="G154" s="40" t="s">
        <v>22</v>
      </c>
      <c r="H154" s="40"/>
      <c r="I154" s="41" t="s">
        <v>1173</v>
      </c>
    </row>
    <row r="155" spans="1:9" ht="32.4" x14ac:dyDescent="0.15">
      <c r="A155" s="23" t="s">
        <v>1169</v>
      </c>
      <c r="B155" s="23" t="s">
        <v>1170</v>
      </c>
      <c r="C155" s="31" t="s">
        <v>24</v>
      </c>
      <c r="D155" s="17" t="s">
        <v>24</v>
      </c>
      <c r="E155" s="43" t="s">
        <v>24</v>
      </c>
      <c r="F155" s="40" t="s">
        <v>1174</v>
      </c>
      <c r="G155" s="40"/>
      <c r="H155" s="40" t="s">
        <v>57</v>
      </c>
      <c r="I155" s="41"/>
    </row>
    <row r="156" spans="1:9" ht="21.6" x14ac:dyDescent="0.15">
      <c r="A156" s="23" t="s">
        <v>1175</v>
      </c>
      <c r="B156" s="23" t="s">
        <v>1176</v>
      </c>
      <c r="C156" s="28" t="s">
        <v>1175</v>
      </c>
      <c r="D156" s="13" t="s">
        <v>1176</v>
      </c>
      <c r="E156" s="40" t="s">
        <v>1177</v>
      </c>
      <c r="F156" s="40" t="s">
        <v>1178</v>
      </c>
      <c r="G156" s="40"/>
      <c r="H156" s="40" t="s">
        <v>695</v>
      </c>
      <c r="I156" s="41" t="s">
        <v>1179</v>
      </c>
    </row>
    <row r="157" spans="1:9" ht="32.4" x14ac:dyDescent="0.15">
      <c r="A157" s="23" t="s">
        <v>1180</v>
      </c>
      <c r="B157" s="23" t="s">
        <v>1181</v>
      </c>
      <c r="C157" s="28" t="s">
        <v>1182</v>
      </c>
      <c r="D157" s="13" t="s">
        <v>1183</v>
      </c>
      <c r="E157" s="40" t="s">
        <v>1184</v>
      </c>
      <c r="F157" s="40" t="s">
        <v>1116</v>
      </c>
      <c r="G157" s="40"/>
      <c r="H157" s="40" t="s">
        <v>695</v>
      </c>
      <c r="I157" s="41"/>
    </row>
    <row r="158" spans="1:9" x14ac:dyDescent="0.15">
      <c r="A158" s="23" t="s">
        <v>1185</v>
      </c>
      <c r="B158" s="23" t="s">
        <v>1063</v>
      </c>
      <c r="C158" s="30" t="s">
        <v>1186</v>
      </c>
      <c r="D158" s="13" t="s">
        <v>255</v>
      </c>
      <c r="E158" s="40" t="s">
        <v>255</v>
      </c>
      <c r="F158" s="40" t="s">
        <v>674</v>
      </c>
      <c r="G158" s="40"/>
      <c r="H158" s="40" t="s">
        <v>57</v>
      </c>
      <c r="I158" s="41"/>
    </row>
    <row r="159" spans="1:9" x14ac:dyDescent="0.15">
      <c r="A159" s="23" t="s">
        <v>1185</v>
      </c>
      <c r="B159" s="23" t="s">
        <v>1187</v>
      </c>
      <c r="C159" s="32" t="s">
        <v>24</v>
      </c>
      <c r="D159" s="13" t="s">
        <v>1188</v>
      </c>
      <c r="E159" s="40" t="s">
        <v>15</v>
      </c>
      <c r="F159" s="40" t="s">
        <v>1189</v>
      </c>
      <c r="G159" s="40"/>
      <c r="H159" s="40" t="s">
        <v>57</v>
      </c>
      <c r="I159" s="41"/>
    </row>
    <row r="160" spans="1:9" ht="21.6" x14ac:dyDescent="0.15">
      <c r="A160" s="23" t="s">
        <v>1190</v>
      </c>
      <c r="B160" s="23" t="s">
        <v>1059</v>
      </c>
      <c r="C160" s="28" t="s">
        <v>1191</v>
      </c>
      <c r="D160" s="13" t="s">
        <v>512</v>
      </c>
      <c r="E160" s="40" t="s">
        <v>15</v>
      </c>
      <c r="F160" s="40" t="s">
        <v>1192</v>
      </c>
      <c r="G160" s="40"/>
      <c r="H160" s="40" t="s">
        <v>57</v>
      </c>
      <c r="I160" s="41"/>
    </row>
    <row r="161" spans="1:9" x14ac:dyDescent="0.15">
      <c r="A161" s="23" t="s">
        <v>1193</v>
      </c>
      <c r="B161" s="23" t="s">
        <v>1194</v>
      </c>
      <c r="C161" s="28" t="s">
        <v>1195</v>
      </c>
      <c r="D161" s="13" t="s">
        <v>1196</v>
      </c>
      <c r="E161" s="40" t="s">
        <v>1197</v>
      </c>
      <c r="F161" s="40" t="s">
        <v>936</v>
      </c>
      <c r="G161" s="40"/>
      <c r="H161" s="40" t="s">
        <v>57</v>
      </c>
      <c r="I161" s="41"/>
    </row>
    <row r="162" spans="1:9" ht="21.6" x14ac:dyDescent="0.15">
      <c r="A162" s="23" t="s">
        <v>1198</v>
      </c>
      <c r="B162" s="23" t="s">
        <v>657</v>
      </c>
      <c r="C162" s="28" t="s">
        <v>1199</v>
      </c>
      <c r="D162" s="13" t="s">
        <v>512</v>
      </c>
      <c r="E162" s="40" t="s">
        <v>15</v>
      </c>
      <c r="F162" s="40" t="s">
        <v>1200</v>
      </c>
      <c r="G162" s="40"/>
      <c r="H162" s="40" t="s">
        <v>57</v>
      </c>
      <c r="I162" s="41"/>
    </row>
    <row r="163" spans="1:9" x14ac:dyDescent="0.15">
      <c r="A163" s="23" t="s">
        <v>1201</v>
      </c>
      <c r="B163" s="23" t="s">
        <v>1202</v>
      </c>
      <c r="C163" s="28" t="s">
        <v>1203</v>
      </c>
      <c r="D163" s="13" t="s">
        <v>1202</v>
      </c>
      <c r="E163" s="40" t="s">
        <v>15</v>
      </c>
      <c r="F163" s="40" t="s">
        <v>674</v>
      </c>
      <c r="G163" s="40"/>
      <c r="H163" s="40" t="s">
        <v>57</v>
      </c>
      <c r="I163" s="41"/>
    </row>
    <row r="164" spans="1:9" ht="21.6" x14ac:dyDescent="0.15">
      <c r="A164" s="23" t="s">
        <v>1204</v>
      </c>
      <c r="B164" s="23" t="s">
        <v>657</v>
      </c>
      <c r="C164" s="28" t="s">
        <v>1205</v>
      </c>
      <c r="D164" s="13" t="s">
        <v>512</v>
      </c>
      <c r="E164" s="40" t="s">
        <v>15</v>
      </c>
      <c r="F164" s="40" t="s">
        <v>1206</v>
      </c>
      <c r="G164" s="40"/>
      <c r="H164" s="40" t="s">
        <v>57</v>
      </c>
      <c r="I164" s="41"/>
    </row>
    <row r="165" spans="1:9" ht="32.4" x14ac:dyDescent="0.15">
      <c r="A165" s="23" t="s">
        <v>1207</v>
      </c>
      <c r="B165" s="23" t="s">
        <v>1208</v>
      </c>
      <c r="C165" s="28" t="s">
        <v>1209</v>
      </c>
      <c r="D165" s="13" t="s">
        <v>1210</v>
      </c>
      <c r="E165" s="40" t="s">
        <v>15</v>
      </c>
      <c r="F165" s="40" t="s">
        <v>1211</v>
      </c>
      <c r="G165" s="40"/>
      <c r="H165" s="40" t="s">
        <v>57</v>
      </c>
      <c r="I165" s="41"/>
    </row>
    <row r="166" spans="1:9" ht="21.6" x14ac:dyDescent="0.15">
      <c r="A166" s="23" t="s">
        <v>1212</v>
      </c>
      <c r="B166" s="23" t="s">
        <v>1213</v>
      </c>
      <c r="C166" s="28" t="s">
        <v>1214</v>
      </c>
      <c r="D166" s="13" t="s">
        <v>1215</v>
      </c>
      <c r="E166" s="40" t="s">
        <v>15</v>
      </c>
      <c r="F166" s="40" t="s">
        <v>1216</v>
      </c>
      <c r="G166" s="40"/>
      <c r="H166" s="40" t="s">
        <v>341</v>
      </c>
      <c r="I166" s="41"/>
    </row>
    <row r="167" spans="1:9" x14ac:dyDescent="0.15">
      <c r="A167" s="23" t="s">
        <v>1217</v>
      </c>
      <c r="B167" s="23" t="s">
        <v>1218</v>
      </c>
      <c r="C167" s="30" t="s">
        <v>1219</v>
      </c>
      <c r="D167" s="13" t="s">
        <v>1220</v>
      </c>
      <c r="E167" s="40" t="s">
        <v>1221</v>
      </c>
      <c r="F167" s="40" t="s">
        <v>1116</v>
      </c>
      <c r="G167" s="40"/>
      <c r="H167" s="40"/>
      <c r="I167" s="41" t="s">
        <v>1222</v>
      </c>
    </row>
    <row r="168" spans="1:9" ht="21.6" x14ac:dyDescent="0.15">
      <c r="A168" s="23" t="s">
        <v>1217</v>
      </c>
      <c r="B168" s="23" t="s">
        <v>1223</v>
      </c>
      <c r="C168" s="32" t="s">
        <v>24</v>
      </c>
      <c r="D168" s="13" t="s">
        <v>1224</v>
      </c>
      <c r="E168" s="40" t="s">
        <v>15</v>
      </c>
      <c r="F168" s="40" t="s">
        <v>1116</v>
      </c>
      <c r="G168" s="40"/>
      <c r="H168" s="40"/>
      <c r="I168" s="41" t="s">
        <v>1225</v>
      </c>
    </row>
    <row r="169" spans="1:9" ht="21.6" x14ac:dyDescent="0.15">
      <c r="A169" s="23" t="s">
        <v>1226</v>
      </c>
      <c r="B169" s="23" t="s">
        <v>1227</v>
      </c>
      <c r="C169" s="28" t="s">
        <v>1228</v>
      </c>
      <c r="D169" s="13" t="s">
        <v>1229</v>
      </c>
      <c r="E169" s="40" t="s">
        <v>15</v>
      </c>
      <c r="F169" s="40" t="s">
        <v>1230</v>
      </c>
      <c r="G169" s="40"/>
      <c r="H169" s="40" t="s">
        <v>341</v>
      </c>
      <c r="I169" s="41" t="s">
        <v>1231</v>
      </c>
    </row>
    <row r="170" spans="1:9" x14ac:dyDescent="0.15">
      <c r="A170" s="23" t="s">
        <v>1232</v>
      </c>
      <c r="B170" s="23" t="s">
        <v>657</v>
      </c>
      <c r="C170" s="28" t="s">
        <v>1233</v>
      </c>
      <c r="D170" s="13" t="s">
        <v>512</v>
      </c>
      <c r="E170" s="40" t="s">
        <v>15</v>
      </c>
      <c r="F170" s="40" t="s">
        <v>1234</v>
      </c>
      <c r="G170" s="40"/>
      <c r="H170" s="40" t="s">
        <v>341</v>
      </c>
      <c r="I170" s="41"/>
    </row>
    <row r="171" spans="1:9" x14ac:dyDescent="0.15">
      <c r="A171" s="23" t="s">
        <v>1235</v>
      </c>
      <c r="B171" s="23" t="s">
        <v>1236</v>
      </c>
      <c r="C171" s="28" t="s">
        <v>1237</v>
      </c>
      <c r="D171" s="13" t="s">
        <v>1238</v>
      </c>
      <c r="E171" s="40" t="s">
        <v>15</v>
      </c>
      <c r="F171" s="40" t="s">
        <v>1116</v>
      </c>
      <c r="G171" s="40"/>
      <c r="H171" s="40" t="s">
        <v>17</v>
      </c>
      <c r="I171" s="41" t="s">
        <v>1239</v>
      </c>
    </row>
    <row r="172" spans="1:9" ht="32.4" x14ac:dyDescent="0.15">
      <c r="A172" s="23" t="s">
        <v>1240</v>
      </c>
      <c r="B172" s="23" t="s">
        <v>1241</v>
      </c>
      <c r="C172" s="30" t="s">
        <v>1242</v>
      </c>
      <c r="D172" s="15" t="s">
        <v>220</v>
      </c>
      <c r="E172" s="40" t="s">
        <v>1243</v>
      </c>
      <c r="F172" s="40" t="s">
        <v>674</v>
      </c>
      <c r="G172" s="40" t="s">
        <v>1244</v>
      </c>
      <c r="H172" s="40" t="s">
        <v>735</v>
      </c>
      <c r="I172" s="41" t="s">
        <v>1245</v>
      </c>
    </row>
    <row r="173" spans="1:9" ht="21.6" x14ac:dyDescent="0.15">
      <c r="A173" s="23" t="s">
        <v>1240</v>
      </c>
      <c r="B173" s="23" t="s">
        <v>1241</v>
      </c>
      <c r="C173" s="31" t="s">
        <v>24</v>
      </c>
      <c r="D173" s="16" t="s">
        <v>24</v>
      </c>
      <c r="E173" s="40" t="s">
        <v>1246</v>
      </c>
      <c r="F173" s="40" t="s">
        <v>674</v>
      </c>
      <c r="G173" s="40" t="s">
        <v>1244</v>
      </c>
      <c r="H173" s="40" t="s">
        <v>735</v>
      </c>
      <c r="I173" s="41" t="s">
        <v>1247</v>
      </c>
    </row>
    <row r="174" spans="1:9" ht="21.6" x14ac:dyDescent="0.15">
      <c r="A174" s="23" t="s">
        <v>1248</v>
      </c>
      <c r="B174" s="23" t="s">
        <v>1249</v>
      </c>
      <c r="C174" s="30" t="s">
        <v>1250</v>
      </c>
      <c r="D174" s="13" t="s">
        <v>1249</v>
      </c>
      <c r="E174" s="40" t="s">
        <v>1251</v>
      </c>
      <c r="F174" s="40" t="s">
        <v>1252</v>
      </c>
      <c r="G174" s="40"/>
      <c r="H174" s="40" t="s">
        <v>1253</v>
      </c>
      <c r="I174" s="41" t="s">
        <v>1254</v>
      </c>
    </row>
    <row r="175" spans="1:9" ht="21.6" x14ac:dyDescent="0.15">
      <c r="A175" s="23" t="s">
        <v>1248</v>
      </c>
      <c r="B175" s="23" t="s">
        <v>1255</v>
      </c>
      <c r="C175" s="32" t="s">
        <v>24</v>
      </c>
      <c r="D175" s="13" t="s">
        <v>1256</v>
      </c>
      <c r="E175" s="40" t="s">
        <v>1257</v>
      </c>
      <c r="F175" s="40" t="s">
        <v>1252</v>
      </c>
      <c r="G175" s="40"/>
      <c r="H175" s="40" t="s">
        <v>1258</v>
      </c>
      <c r="I175" s="41" t="s">
        <v>1254</v>
      </c>
    </row>
    <row r="176" spans="1:9" x14ac:dyDescent="0.15">
      <c r="A176" s="23" t="s">
        <v>1259</v>
      </c>
      <c r="B176" s="23" t="s">
        <v>1059</v>
      </c>
      <c r="C176" s="28" t="s">
        <v>1260</v>
      </c>
      <c r="D176" s="13" t="s">
        <v>512</v>
      </c>
      <c r="E176" s="40" t="s">
        <v>15</v>
      </c>
      <c r="F176" s="40" t="s">
        <v>1116</v>
      </c>
      <c r="G176" s="40"/>
      <c r="H176" s="40"/>
      <c r="I176" s="41" t="s">
        <v>1261</v>
      </c>
    </row>
    <row r="177" spans="1:9" ht="21.6" x14ac:dyDescent="0.15">
      <c r="A177" s="23" t="s">
        <v>1262</v>
      </c>
      <c r="B177" s="23" t="s">
        <v>657</v>
      </c>
      <c r="C177" s="28" t="s">
        <v>1263</v>
      </c>
      <c r="D177" s="13" t="s">
        <v>512</v>
      </c>
      <c r="E177" s="40" t="s">
        <v>15</v>
      </c>
      <c r="F177" s="40" t="s">
        <v>679</v>
      </c>
      <c r="G177" s="40"/>
      <c r="H177" s="40" t="s">
        <v>57</v>
      </c>
      <c r="I177" s="41"/>
    </row>
    <row r="178" spans="1:9" x14ac:dyDescent="0.15">
      <c r="A178" s="23" t="s">
        <v>1264</v>
      </c>
      <c r="B178" s="23" t="s">
        <v>1265</v>
      </c>
      <c r="C178" s="28" t="s">
        <v>1266</v>
      </c>
      <c r="D178" s="13" t="s">
        <v>1267</v>
      </c>
      <c r="E178" s="40" t="s">
        <v>1267</v>
      </c>
      <c r="F178" s="40" t="s">
        <v>1268</v>
      </c>
      <c r="G178" s="40"/>
      <c r="H178" s="40" t="s">
        <v>113</v>
      </c>
      <c r="I178" s="41"/>
    </row>
    <row r="179" spans="1:9" ht="32.4" x14ac:dyDescent="0.15">
      <c r="A179" s="23" t="s">
        <v>1269</v>
      </c>
      <c r="B179" s="23" t="s">
        <v>1059</v>
      </c>
      <c r="C179" s="28" t="s">
        <v>1270</v>
      </c>
      <c r="D179" s="13" t="s">
        <v>512</v>
      </c>
      <c r="E179" s="40" t="s">
        <v>15</v>
      </c>
      <c r="F179" s="40" t="s">
        <v>679</v>
      </c>
      <c r="G179" s="40"/>
      <c r="H179" s="40" t="s">
        <v>57</v>
      </c>
      <c r="I179" s="41" t="s">
        <v>1271</v>
      </c>
    </row>
    <row r="180" spans="1:9" x14ac:dyDescent="0.15">
      <c r="A180" s="23" t="s">
        <v>1272</v>
      </c>
      <c r="B180" s="23" t="s">
        <v>69</v>
      </c>
      <c r="C180" s="28" t="s">
        <v>1273</v>
      </c>
      <c r="D180" s="13" t="s">
        <v>69</v>
      </c>
      <c r="E180" s="40" t="s">
        <v>69</v>
      </c>
      <c r="F180" s="40" t="s">
        <v>936</v>
      </c>
      <c r="G180" s="40"/>
      <c r="H180" s="40" t="s">
        <v>57</v>
      </c>
      <c r="I180" s="41"/>
    </row>
    <row r="181" spans="1:9" ht="21.6" x14ac:dyDescent="0.15">
      <c r="A181" s="23" t="s">
        <v>1274</v>
      </c>
      <c r="B181" s="23" t="s">
        <v>657</v>
      </c>
      <c r="C181" s="28" t="s">
        <v>1275</v>
      </c>
      <c r="D181" s="13" t="s">
        <v>512</v>
      </c>
      <c r="E181" s="40" t="s">
        <v>15</v>
      </c>
      <c r="F181" s="40" t="s">
        <v>694</v>
      </c>
      <c r="G181" s="40" t="s">
        <v>169</v>
      </c>
      <c r="H181" s="40"/>
      <c r="I181" s="41" t="s">
        <v>1276</v>
      </c>
    </row>
    <row r="182" spans="1:9" ht="21.6" x14ac:dyDescent="0.15">
      <c r="A182" s="23" t="s">
        <v>1277</v>
      </c>
      <c r="B182" s="23" t="s">
        <v>1278</v>
      </c>
      <c r="C182" s="28" t="s">
        <v>1279</v>
      </c>
      <c r="D182" s="13" t="s">
        <v>1280</v>
      </c>
      <c r="E182" s="40" t="s">
        <v>15</v>
      </c>
      <c r="F182" s="40" t="s">
        <v>674</v>
      </c>
      <c r="G182" s="40" t="s">
        <v>169</v>
      </c>
      <c r="H182" s="40"/>
      <c r="I182" s="41" t="s">
        <v>1281</v>
      </c>
    </row>
    <row r="183" spans="1:9" x14ac:dyDescent="0.15">
      <c r="A183" s="23" t="s">
        <v>1282</v>
      </c>
      <c r="B183" s="23" t="s">
        <v>54</v>
      </c>
      <c r="C183" s="28" t="s">
        <v>1283</v>
      </c>
      <c r="D183" s="13" t="s">
        <v>55</v>
      </c>
      <c r="E183" s="40" t="s">
        <v>108</v>
      </c>
      <c r="F183" s="40" t="s">
        <v>1284</v>
      </c>
      <c r="G183" s="40"/>
      <c r="H183" s="40" t="s">
        <v>341</v>
      </c>
      <c r="I183" s="41"/>
    </row>
    <row r="184" spans="1:9" x14ac:dyDescent="0.15">
      <c r="A184" s="23" t="s">
        <v>1285</v>
      </c>
      <c r="B184" s="23" t="s">
        <v>657</v>
      </c>
      <c r="C184" s="28" t="s">
        <v>1286</v>
      </c>
      <c r="D184" s="13" t="s">
        <v>512</v>
      </c>
      <c r="E184" s="40" t="s">
        <v>15</v>
      </c>
      <c r="F184" s="40" t="s">
        <v>674</v>
      </c>
      <c r="G184" s="40"/>
      <c r="H184" s="40"/>
      <c r="I184" s="41" t="s">
        <v>1048</v>
      </c>
    </row>
    <row r="185" spans="1:9" x14ac:dyDescent="0.15">
      <c r="A185" s="23" t="s">
        <v>1287</v>
      </c>
      <c r="B185" s="23" t="s">
        <v>859</v>
      </c>
      <c r="C185" s="28" t="s">
        <v>1288</v>
      </c>
      <c r="D185" s="13" t="s">
        <v>860</v>
      </c>
      <c r="E185" s="40" t="s">
        <v>15</v>
      </c>
      <c r="F185" s="40" t="s">
        <v>806</v>
      </c>
      <c r="G185" s="40"/>
      <c r="H185" s="40" t="s">
        <v>57</v>
      </c>
      <c r="I185" s="41" t="s">
        <v>1289</v>
      </c>
    </row>
    <row r="186" spans="1:9" ht="21.6" x14ac:dyDescent="0.15">
      <c r="A186" s="23" t="s">
        <v>1290</v>
      </c>
      <c r="B186" s="23" t="s">
        <v>1063</v>
      </c>
      <c r="C186" s="28" t="s">
        <v>1291</v>
      </c>
      <c r="D186" s="13" t="s">
        <v>255</v>
      </c>
      <c r="E186" s="40" t="s">
        <v>15</v>
      </c>
      <c r="F186" s="40" t="s">
        <v>960</v>
      </c>
      <c r="G186" s="40" t="s">
        <v>169</v>
      </c>
      <c r="H186" s="40"/>
      <c r="I186" s="41" t="s">
        <v>1292</v>
      </c>
    </row>
    <row r="187" spans="1:9" x14ac:dyDescent="0.15">
      <c r="A187" s="23" t="s">
        <v>1293</v>
      </c>
      <c r="B187" s="23" t="s">
        <v>1241</v>
      </c>
      <c r="C187" s="28" t="s">
        <v>1294</v>
      </c>
      <c r="D187" s="13" t="s">
        <v>220</v>
      </c>
      <c r="E187" s="40" t="s">
        <v>15</v>
      </c>
      <c r="F187" s="40" t="s">
        <v>674</v>
      </c>
      <c r="G187" s="40"/>
      <c r="H187" s="40" t="s">
        <v>57</v>
      </c>
      <c r="I187" s="41"/>
    </row>
    <row r="188" spans="1:9" x14ac:dyDescent="0.15">
      <c r="A188" s="23" t="s">
        <v>1295</v>
      </c>
      <c r="B188" s="23" t="s">
        <v>657</v>
      </c>
      <c r="C188" s="28" t="s">
        <v>1296</v>
      </c>
      <c r="D188" s="13" t="s">
        <v>512</v>
      </c>
      <c r="E188" s="40" t="s">
        <v>15</v>
      </c>
      <c r="F188" s="40" t="s">
        <v>679</v>
      </c>
      <c r="G188" s="40"/>
      <c r="H188" s="40" t="s">
        <v>341</v>
      </c>
      <c r="I188" s="41"/>
    </row>
    <row r="189" spans="1:9" ht="32.4" x14ac:dyDescent="0.15">
      <c r="A189" s="23" t="s">
        <v>1297</v>
      </c>
      <c r="B189" s="23" t="s">
        <v>657</v>
      </c>
      <c r="C189" s="28" t="s">
        <v>1298</v>
      </c>
      <c r="D189" s="13" t="s">
        <v>512</v>
      </c>
      <c r="E189" s="40" t="s">
        <v>15</v>
      </c>
      <c r="F189" s="40" t="s">
        <v>1299</v>
      </c>
      <c r="G189" s="40" t="s">
        <v>169</v>
      </c>
      <c r="H189" s="40"/>
      <c r="I189" s="41" t="s">
        <v>1300</v>
      </c>
    </row>
    <row r="190" spans="1:9" ht="21.6" x14ac:dyDescent="0.15">
      <c r="A190" s="23" t="s">
        <v>1301</v>
      </c>
      <c r="B190" s="23" t="s">
        <v>1059</v>
      </c>
      <c r="C190" s="28" t="s">
        <v>1302</v>
      </c>
      <c r="D190" s="13" t="s">
        <v>512</v>
      </c>
      <c r="E190" s="40" t="s">
        <v>15</v>
      </c>
      <c r="F190" s="40" t="s">
        <v>1303</v>
      </c>
      <c r="G190" s="40"/>
      <c r="H190" s="40" t="s">
        <v>57</v>
      </c>
      <c r="I190" s="41"/>
    </row>
    <row r="191" spans="1:9" x14ac:dyDescent="0.15">
      <c r="A191" s="23" t="s">
        <v>1304</v>
      </c>
      <c r="B191" s="23" t="s">
        <v>657</v>
      </c>
      <c r="C191" s="39" t="s">
        <v>1305</v>
      </c>
      <c r="D191" s="36" t="s">
        <v>512</v>
      </c>
      <c r="E191" s="46" t="s">
        <v>15</v>
      </c>
      <c r="F191" s="46" t="s">
        <v>1116</v>
      </c>
      <c r="G191" s="46"/>
      <c r="H191" s="46" t="s">
        <v>341</v>
      </c>
      <c r="I191" s="47"/>
    </row>
  </sheetData>
  <autoFilter ref="A9:I191" xr:uid="{00000000-0001-0000-0100-000000000000}"/>
  <dataConsolidate/>
  <customSheetViews>
    <customSheetView guid="{4F2BD9A2-7BB1-4799-9C83-73E50481EDB8}" scale="110" showPageBreaks="1" fitToPage="1" printArea="1" showAutoFilter="1" hiddenColumns="1" showRuler="0" topLeftCell="C1">
      <pane ySplit="9" topLeftCell="A67" activePane="bottomLeft" state="frozenSplit"/>
      <selection pane="bottomLeft" activeCell="I15" sqref="I15"/>
      <pageMargins left="0" right="0" top="0" bottom="0" header="0" footer="0"/>
      <printOptions horizontalCentered="1"/>
      <pageSetup paperSize="9" fitToHeight="0" orientation="landscape" r:id="rId1"/>
      <headerFooter alignWithMargins="0">
        <oddHeader>&amp;F</oddHeader>
        <oddFooter>&amp;L&amp;10&amp;P/&amp;N&amp;C&amp;9&amp;G&amp;R&amp;6©Kawaijuku Educational Institution.</oddFooter>
      </headerFooter>
      <autoFilter ref="E9:N102" xr:uid="{C90B6DBF-05A1-429E-9076-9824D3FAF515}"/>
    </customSheetView>
    <customSheetView guid="{6E18844F-DBD2-453B-A6B1-A55838EB3737}" scale="110" fitToPage="1" showAutoFilter="1" hiddenColumns="1" showRuler="0" topLeftCell="C1">
      <pane ySplit="9" topLeftCell="A58" activePane="bottomLeft" state="frozenSplit"/>
      <selection pane="bottomLeft" activeCell="L3" sqref="L3"/>
      <pageMargins left="0" right="0" top="0" bottom="0" header="0" footer="0"/>
      <printOptions horizontalCentered="1"/>
      <pageSetup paperSize="9" fitToHeight="0" orientation="landscape" r:id="rId2"/>
      <headerFooter alignWithMargins="0">
        <oddHeader>&amp;F</oddHeader>
        <oddFooter>&amp;L&amp;10&amp;P/&amp;N&amp;C&amp;9&amp;G&amp;R&amp;6©Kawaijuku Educational Institution.</oddFooter>
      </headerFooter>
      <autoFilter ref="E9:N102" xr:uid="{33A89CDE-6122-418B-AC99-3D65C98B940A}"/>
    </customSheetView>
    <customSheetView guid="{230DB1A8-8555-4DB2-9ABA-765937791049}" scale="110" fitToPage="1" showAutoFilter="1" hiddenColumns="1" showRuler="0" topLeftCell="C1">
      <pane ySplit="9" topLeftCell="A10" activePane="bottomLeft" state="frozenSplit"/>
      <selection pane="bottomLeft" activeCell="E109" sqref="E109"/>
      <pageMargins left="0" right="0" top="0" bottom="0" header="0" footer="0"/>
      <printOptions horizontalCentered="1"/>
      <pageSetup paperSize="9" fitToHeight="0" orientation="landscape" r:id="rId3"/>
      <headerFooter alignWithMargins="0">
        <oddHeader>&amp;F</oddHeader>
        <oddFooter>&amp;L&amp;10&amp;P/&amp;N&amp;C&amp;9&amp;G&amp;R&amp;6©Kawaijuku Educational Institution.</oddFooter>
      </headerFooter>
      <autoFilter ref="E9:N104" xr:uid="{BB9D3657-A97F-4B5E-8808-262666E131E7}"/>
    </customSheetView>
    <customSheetView guid="{D262C9C4-9059-4ED9-B68C-C7BF0D5DCA04}" scale="115" fitToPage="1" showAutoFilter="1" hiddenColumns="1" showRuler="0" topLeftCell="C1">
      <pane ySplit="9" topLeftCell="A49" activePane="bottomLeft" state="frozenSplit"/>
      <selection pane="bottomLeft" activeCell="L57" sqref="L57"/>
      <pageMargins left="0" right="0" top="0" bottom="0" header="0" footer="0"/>
      <printOptions horizontalCentered="1"/>
      <pageSetup paperSize="9" scale="74" fitToHeight="0" orientation="portrait" r:id="rId4"/>
      <headerFooter alignWithMargins="0">
        <oddHeader>&amp;F</oddHeader>
        <oddFooter>&amp;L&amp;10&amp;P/&amp;N&amp;C&amp;9&amp;G&amp;R&amp;6©Kawaijuku Educational Institution.</oddFooter>
      </headerFooter>
      <autoFilter ref="A9:P79" xr:uid="{60283238-ECA3-49F4-8BED-FA8C232F5C7A}"/>
    </customSheetView>
    <customSheetView guid="{E6BD01FB-7F91-4E35-A8B5-EBCBF42FD773}" scale="115" showPageBreaks="1" fitToPage="1" printArea="1" showAutoFilter="1" hiddenColumns="1" showRuler="0">
      <pane ySplit="9" topLeftCell="A10" activePane="bottomLeft" state="frozenSplit"/>
      <selection pane="bottomLeft" activeCell="F16" sqref="F16"/>
      <pageMargins left="0" right="0" top="0" bottom="0" header="0" footer="0"/>
      <printOptions horizontalCentered="1"/>
      <pageSetup paperSize="9" scale="74" fitToHeight="0" orientation="portrait" r:id="rId5"/>
      <headerFooter alignWithMargins="0">
        <oddHeader>&amp;F</oddHeader>
        <oddFooter>&amp;L&amp;10&amp;P/&amp;N&amp;C&amp;9&amp;G&amp;R&amp;6©Kawaijuku Educational Institution.</oddFooter>
      </headerFooter>
      <autoFilter ref="A9:P79" xr:uid="{751F1F38-C88E-497D-A18C-8BA2AC603E6F}"/>
    </customSheetView>
    <customSheetView guid="{EADD5495-D672-4A24-B67F-EEB8DEBC3D36}" showPageBreaks="1" fitToPage="1" printArea="1" showAutoFilter="1" hiddenColumns="1" showRuler="0">
      <pane ySplit="4" topLeftCell="A5" activePane="bottomLeft" state="frozenSplit"/>
      <selection pane="bottomLeft" activeCell="L13" sqref="L13"/>
      <pageMargins left="0" right="0" top="0" bottom="0" header="0" footer="0"/>
      <printOptions horizontalCentered="1"/>
      <pageSetup paperSize="9" scale="92" fitToHeight="0" orientation="portrait" r:id="rId6"/>
      <headerFooter alignWithMargins="0">
        <oddFooter>&amp;L&amp;10&amp;P/&amp;N&amp;C&amp;9&amp;G&amp;R&amp;6©Kawaijuku Educational Institution.</oddFooter>
      </headerFooter>
      <autoFilter ref="B1:M1" xr:uid="{D389ADFE-2EC7-44CF-85DF-5ED020B2B715}"/>
    </customSheetView>
    <customSheetView guid="{BB37306E-EC91-46D4-933C-1D3D5644414B}" showPageBreaks="1" fitToPage="1" printArea="1" showAutoFilter="1" hiddenColumns="1" showRuler="0">
      <pane ySplit="4" topLeftCell="A25" activePane="bottomLeft" state="frozenSplit"/>
      <selection pane="bottomLeft" activeCell="C26" sqref="C26:J26"/>
      <pageMargins left="0" right="0" top="0" bottom="0" header="0" footer="0"/>
      <printOptions horizontalCentered="1"/>
      <pageSetup paperSize="9" scale="92" fitToHeight="0" orientation="portrait" r:id="rId7"/>
      <headerFooter alignWithMargins="0">
        <oddFooter>&amp;L&amp;10&amp;P/&amp;N&amp;C&amp;9&amp;G&amp;R&amp;6©Kawaijuku Educational Institution.</oddFooter>
      </headerFooter>
      <autoFilter ref="B1:M1" xr:uid="{EA6422F3-50E5-4FFF-A02E-0B4C264BFEFF}"/>
    </customSheetView>
    <customSheetView guid="{BF7EA2EF-BFAC-4B99-9621-821500446084}" showPageBreaks="1" fitToPage="1" printArea="1" showAutoFilter="1" hiddenColumns="1" showRuler="0">
      <pane ySplit="4" topLeftCell="A38" activePane="bottomLeft" state="frozenSplit"/>
      <selection pane="bottomLeft" activeCell="I46" sqref="I46"/>
      <pageMargins left="0" right="0" top="0" bottom="0" header="0" footer="0"/>
      <printOptions horizontalCentered="1"/>
      <pageSetup paperSize="9" scale="92" fitToHeight="0" orientation="portrait" r:id="rId8"/>
      <headerFooter alignWithMargins="0">
        <oddFooter>&amp;L&amp;10&amp;P/&amp;N&amp;C&amp;9&amp;G&amp;R&amp;6©Kawaijuku Educational Institution.</oddFooter>
      </headerFooter>
      <autoFilter ref="B1:M1" xr:uid="{C5551025-6431-4317-9B09-2AD1199DDB3E}"/>
    </customSheetView>
    <customSheetView guid="{3547F478-967A-4309-9B43-AB2A68804AF7}" showPageBreaks="1" fitToPage="1" printArea="1" showAutoFilter="1" hiddenColumns="1" showRuler="0">
      <pane ySplit="31" topLeftCell="A133" activePane="bottomLeft" state="frozenSplit"/>
      <selection pane="bottomLeft" activeCell="B15" sqref="B15"/>
      <pageMargins left="0" right="0" top="0" bottom="0" header="0" footer="0"/>
      <printOptions horizontalCentered="1"/>
      <pageSetup paperSize="9" scale="92" fitToHeight="0" orientation="portrait" r:id="rId9"/>
      <headerFooter alignWithMargins="0">
        <oddFooter>&amp;L&amp;10&amp;P/&amp;N&amp;C&amp;9&amp;G&amp;R&amp;6©Kawaijuku Educational Institution.</oddFooter>
      </headerFooter>
      <autoFilter ref="B1:M1" xr:uid="{34F12F68-AD50-4BC1-AF3F-72F569753FD9}"/>
    </customSheetView>
    <customSheetView guid="{175DAF00-FEAC-4E49-8CE7-F4839D464184}" fitToPage="1" showAutoFilter="1" hiddenColumns="1" showRuler="0">
      <pane ySplit="4" topLeftCell="A5" activePane="bottomLeft" state="frozenSplit"/>
      <selection pane="bottomLeft" activeCell="C2" sqref="C2"/>
      <pageMargins left="0" right="0" top="0" bottom="0" header="0" footer="0"/>
      <printOptions horizontalCentered="1"/>
      <pageSetup paperSize="9" scale="92" fitToHeight="0" orientation="portrait" r:id="rId10"/>
      <headerFooter alignWithMargins="0">
        <oddFooter>&amp;L&amp;10&amp;P/&amp;N&amp;C&amp;9&amp;G&amp;R&amp;6©Kawaijuku Educational Institution.</oddFooter>
      </headerFooter>
      <autoFilter ref="B1:M1" xr:uid="{EDFACC74-8D92-427C-B081-008C1A97A619}"/>
    </customSheetView>
    <customSheetView guid="{70A8C77F-700D-4D8E-8AAE-788C35731A52}" fitToPage="1" showAutoFilter="1" hiddenColumns="1" showRuler="0">
      <pane ySplit="4" topLeftCell="A5" activePane="bottomLeft" state="frozenSplit"/>
      <selection pane="bottomLeft" activeCell="J33" sqref="J33"/>
      <pageMargins left="0" right="0" top="0" bottom="0" header="0" footer="0"/>
      <printOptions horizontalCentered="1"/>
      <pageSetup paperSize="9" scale="92" fitToHeight="0" orientation="portrait" r:id="rId11"/>
      <headerFooter alignWithMargins="0">
        <oddFooter>&amp;L&amp;10&amp;P/&amp;N&amp;C&amp;9&amp;G&amp;R&amp;6©Kawaijuku Educational Institution.</oddFooter>
      </headerFooter>
      <autoFilter ref="B1:M1" xr:uid="{13961406-90AA-4C71-8722-46D4DFA8DB16}"/>
    </customSheetView>
    <customSheetView guid="{D5FD0F0D-5A8D-4120-85CB-1D4A21B65636}" scale="115" fitToPage="1" showAutoFilter="1" hiddenColumns="1" showRuler="0">
      <pane ySplit="9" topLeftCell="A70" activePane="bottomLeft" state="frozenSplit"/>
      <selection pane="bottomLeft" activeCell="E62" sqref="E62:L62"/>
      <pageMargins left="0" right="0" top="0" bottom="0" header="0" footer="0"/>
      <printOptions horizontalCentered="1"/>
      <pageSetup paperSize="9" scale="74" fitToHeight="0" orientation="portrait" r:id="rId12"/>
      <headerFooter alignWithMargins="0">
        <oddHeader>&amp;F</oddHeader>
        <oddFooter>&amp;L&amp;10&amp;P/&amp;N&amp;C&amp;9&amp;G&amp;R&amp;6©Kawaijuku Educational Institution.</oddFooter>
      </headerFooter>
      <autoFilter ref="A9:P79" xr:uid="{3C0FC146-E990-46A6-8709-611B7B2CC0E2}"/>
    </customSheetView>
    <customSheetView guid="{06D68F0A-5D12-4FFC-8827-778E76CA6D8C}" scale="115" showPageBreaks="1" fitToPage="1" printArea="1" showAutoFilter="1" hiddenColumns="1" showRuler="0">
      <pane ySplit="9" topLeftCell="A10" activePane="bottomLeft" state="frozenSplit"/>
      <selection pane="bottomLeft"/>
      <pageMargins left="0" right="0" top="0" bottom="0" header="0" footer="0"/>
      <printOptions horizontalCentered="1"/>
      <pageSetup paperSize="9" scale="74" fitToHeight="0" orientation="portrait" r:id="rId13"/>
      <headerFooter alignWithMargins="0">
        <oddHeader>&amp;F</oddHeader>
        <oddFooter>&amp;L&amp;10&amp;P/&amp;N&amp;C&amp;9&amp;G&amp;R&amp;6©Kawaijuku Educational Institution.</oddFooter>
      </headerFooter>
      <autoFilter ref="A9:P79" xr:uid="{399E9961-A890-4C59-99B6-4C7472F4F960}"/>
    </customSheetView>
    <customSheetView guid="{B64E1F47-41E6-4925-9DB9-CAA1DB656636}" scale="115" showPageBreaks="1" fitToPage="1" printArea="1" showAutoFilter="1" hiddenColumns="1" showRuler="0">
      <pane ySplit="9" topLeftCell="A10" activePane="bottomLeft" state="frozenSplit"/>
      <selection pane="bottomLeft" activeCell="C8" sqref="C8"/>
      <pageMargins left="0" right="0" top="0" bottom="0" header="0" footer="0"/>
      <printOptions horizontalCentered="1"/>
      <pageSetup paperSize="9" scale="74" fitToHeight="0" orientation="portrait" r:id="rId14"/>
      <headerFooter alignWithMargins="0">
        <oddHeader>&amp;F</oddHeader>
        <oddFooter>&amp;L&amp;10&amp;P/&amp;N&amp;C&amp;9&amp;G&amp;R&amp;6©Kawaijuku Educational Institution.</oddFooter>
      </headerFooter>
      <autoFilter ref="A9:P79" xr:uid="{71BA8AA4-7CCB-4A1E-A589-AA72D1631AD6}"/>
    </customSheetView>
    <customSheetView guid="{9B02F4BD-9098-4A51-8907-8A1B959EC025}" scale="115" showPageBreaks="1" fitToPage="1" printArea="1" showAutoFilter="1" hiddenColumns="1" showRuler="0" topLeftCell="B1">
      <pane ySplit="9" topLeftCell="A65" activePane="bottomLeft" state="frozenSplit"/>
      <selection pane="bottomLeft" activeCell="I68" sqref="I68"/>
      <pageMargins left="0" right="0" top="0" bottom="0" header="0" footer="0"/>
      <printOptions horizontalCentered="1"/>
      <pageSetup paperSize="9" scale="74" fitToHeight="0" orientation="portrait" r:id="rId15"/>
      <headerFooter alignWithMargins="0">
        <oddHeader>&amp;F</oddHeader>
        <oddFooter>&amp;L&amp;10&amp;P/&amp;N&amp;C&amp;9&amp;G&amp;R&amp;6©Kawaijuku Educational Institution.</oddFooter>
      </headerFooter>
      <autoFilter ref="A9:P79" xr:uid="{AEE63295-B793-4AA0-B42B-ABA18B344220}"/>
    </customSheetView>
    <customSheetView guid="{B7CD6761-3984-43D7-BA31-DFED9B109638}" scale="110" fitToPage="1" showAutoFilter="1" hiddenColumns="1" showRuler="0" topLeftCell="C1">
      <pane ySplit="9" topLeftCell="A10" activePane="bottomLeft" state="frozenSplit"/>
      <selection pane="bottomLeft" activeCell="E109" sqref="E109"/>
      <pageMargins left="0" right="0" top="0" bottom="0" header="0" footer="0"/>
      <printOptions horizontalCentered="1"/>
      <pageSetup paperSize="9" fitToHeight="0" orientation="landscape" r:id="rId16"/>
      <headerFooter alignWithMargins="0">
        <oddHeader>&amp;F</oddHeader>
        <oddFooter>&amp;L&amp;10&amp;P/&amp;N&amp;C&amp;9&amp;G&amp;R&amp;6©Kawaijuku Educational Institution.</oddFooter>
      </headerFooter>
      <autoFilter ref="E9:N104" xr:uid="{81815B6E-F846-4A73-AB9F-5BF0A9920A6B}"/>
    </customSheetView>
    <customSheetView guid="{3FB3DBB8-AF7D-414C-A066-A498AFFA70EF}" scale="110" fitToPage="1" showAutoFilter="1" hiddenColumns="1" showRuler="0" topLeftCell="C1">
      <pane ySplit="9" topLeftCell="A10" activePane="bottomLeft" state="frozenSplit"/>
      <selection pane="bottomLeft" activeCell="E109" sqref="E109"/>
      <pageMargins left="0" right="0" top="0" bottom="0" header="0" footer="0"/>
      <printOptions horizontalCentered="1"/>
      <pageSetup paperSize="9" fitToHeight="0" orientation="landscape" r:id="rId17"/>
      <headerFooter alignWithMargins="0">
        <oddHeader>&amp;F</oddHeader>
        <oddFooter>&amp;L&amp;10&amp;P/&amp;N&amp;C&amp;9&amp;G&amp;R&amp;6©Kawaijuku Educational Institution.</oddFooter>
      </headerFooter>
      <autoFilter ref="E9:N104" xr:uid="{8DED33FA-04D1-40A2-BEEB-99FAE18543D8}"/>
    </customSheetView>
    <customSheetView guid="{AB6224D7-6E69-4FA5-AD1A-CB3E38D587E0}" scale="110" showPageBreaks="1" fitToPage="1" printArea="1" showAutoFilter="1" hiddenColumns="1" showRuler="0" topLeftCell="C1">
      <pane ySplit="9" topLeftCell="A10" activePane="bottomLeft" state="frozenSplit"/>
      <selection pane="bottomLeft" activeCell="E109" sqref="E109"/>
      <pageMargins left="0" right="0" top="0" bottom="0" header="0" footer="0"/>
      <printOptions horizontalCentered="1"/>
      <pageSetup paperSize="9" fitToHeight="0" orientation="landscape" r:id="rId18"/>
      <headerFooter alignWithMargins="0">
        <oddHeader>&amp;F</oddHeader>
        <oddFooter>&amp;L&amp;10&amp;P/&amp;N&amp;C&amp;9&amp;G&amp;R&amp;6©Kawaijuku Educational Institution.</oddFooter>
      </headerFooter>
      <autoFilter ref="E9:N104" xr:uid="{3CAAC0C3-C793-474B-BAF2-7DA6CDDE566C}"/>
    </customSheetView>
    <customSheetView guid="{9AD479D0-74F1-4430-85C7-131E1C6EE7EE}" scale="115" showPageBreaks="1" fitToPage="1" printArea="1" showAutoFilter="1" showRuler="0" topLeftCell="C1">
      <pane ySplit="9" topLeftCell="A10" activePane="bottomLeft" state="frozenSplit"/>
      <selection pane="bottomLeft" activeCell="N14" sqref="D14:N14"/>
      <pageMargins left="0" right="0" top="0" bottom="0" header="0" footer="0"/>
      <printOptions horizontalCentered="1"/>
      <pageSetup paperSize="9" scale="50" fitToHeight="0" orientation="portrait" r:id="rId19"/>
      <headerFooter alignWithMargins="0">
        <oddHeader>&amp;F</oddHeader>
        <oddFooter>&amp;L&amp;10&amp;P/&amp;N&amp;C&amp;9&amp;G&amp;R&amp;6©Kawaijuku Educational Institution.</oddFooter>
      </headerFooter>
      <autoFilter ref="E9:N104" xr:uid="{D845309A-A381-4D76-9990-1770B03B43E4}"/>
    </customSheetView>
    <customSheetView guid="{97820852-EFB0-4C71-ACB4-90A92997DE4E}" scale="110" fitToPage="1" showAutoFilter="1" hiddenColumns="1" showRuler="0" topLeftCell="C1">
      <pane ySplit="9" topLeftCell="A58" activePane="bottomLeft" state="frozenSplit"/>
      <selection pane="bottomLeft" activeCell="L3" sqref="L3"/>
      <pageMargins left="0" right="0" top="0" bottom="0" header="0" footer="0"/>
      <printOptions horizontalCentered="1"/>
      <pageSetup paperSize="9" fitToHeight="0" orientation="landscape" r:id="rId20"/>
      <headerFooter alignWithMargins="0">
        <oddHeader>&amp;F</oddHeader>
        <oddFooter>&amp;L&amp;10&amp;P/&amp;N&amp;C&amp;9&amp;G&amp;R&amp;6©Kawaijuku Educational Institution.</oddFooter>
      </headerFooter>
      <autoFilter ref="E9:N102" xr:uid="{6E131AA4-AD61-428B-9737-2D2091A63540}"/>
    </customSheetView>
    <customSheetView guid="{E24941AB-C754-47BD-80B5-8B13B08E7FC9}" scale="115" showPageBreaks="1" fitToPage="1" printArea="1" showAutoFilter="1" showRuler="0">
      <pane ySplit="9" topLeftCell="A13" activePane="bottomLeft" state="frozenSplit"/>
      <selection pane="bottomLeft" activeCell="E10" sqref="E10"/>
      <pageMargins left="0" right="0" top="0" bottom="0" header="0" footer="0"/>
      <printOptions horizontalCentered="1"/>
      <pageSetup paperSize="9" scale="50" fitToHeight="0" orientation="portrait" r:id="rId21"/>
      <headerFooter alignWithMargins="0">
        <oddHeader>&amp;F</oddHeader>
        <oddFooter>&amp;L&amp;10&amp;P/&amp;N&amp;C&amp;9&amp;G&amp;R&amp;6©Kawaijuku Educational Institution.</oddFooter>
      </headerFooter>
      <autoFilter ref="E9:N102" xr:uid="{CF95CE7C-28B2-4148-8C94-C3260C5B8FF7}"/>
    </customSheetView>
  </customSheetViews>
  <mergeCells count="2">
    <mergeCell ref="C6:I6"/>
    <mergeCell ref="C1:I1"/>
  </mergeCells>
  <phoneticPr fontId="1"/>
  <printOptions horizontalCentered="1"/>
  <pageMargins left="0.39370078740157483" right="0.39370078740157483" top="0.55118110236220474" bottom="0.55118110236220474" header="0.31496062992125984" footer="0.31496062992125984"/>
  <pageSetup paperSize="9" scale="79" fitToHeight="0" orientation="portrait" r:id="rId22"/>
  <headerFooter alignWithMargins="0">
    <oddFooter>&amp;L&amp;10&amp;P/&amp;N&amp;C&amp;G&amp;R&amp;10©Kawaijuku Educational Institution.</oddFooter>
  </headerFooter>
  <rowBreaks count="1" manualBreakCount="1">
    <brk id="171" min="2" max="8" man="1"/>
  </rowBreaks>
  <legacyDrawingHF r:id="rId2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7ac022e4-08da-4273-bd17-73664b39f124">
      <Terms xmlns="http://schemas.microsoft.com/office/infopath/2007/PartnerControls"/>
    </lcf76f155ced4ddcb4097134ff3c332f>
    <TaxCatchAll xmlns="9639b08b-8501-4ea9-9887-1d787b692e85"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A233A06B0F7F4147936DC6E6A4B0B919" ma:contentTypeVersion="" ma:contentTypeDescription="新しいドキュメントを作成します。" ma:contentTypeScope="" ma:versionID="b47ce58911a165ddd9ed3e3fced12955">
  <xsd:schema xmlns:xsd="http://www.w3.org/2001/XMLSchema" xmlns:xs="http://www.w3.org/2001/XMLSchema" xmlns:p="http://schemas.microsoft.com/office/2006/metadata/properties" xmlns:ns2="7ac022e4-08da-4273-bd17-73664b39f124" xmlns:ns3="9639b08b-8501-4ea9-9887-1d787b692e85" targetNamespace="http://schemas.microsoft.com/office/2006/metadata/properties" ma:root="true" ma:fieldsID="150fc1d95bdab312a69131069d6bce02" ns2:_="" ns3:_="">
    <xsd:import namespace="7ac022e4-08da-4273-bd17-73664b39f124"/>
    <xsd:import namespace="9639b08b-8501-4ea9-9887-1d787b692e85"/>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ac022e4-08da-4273-bd17-73664b39f124"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b628be7-1df6-4269-a4c6-4889c303e58d" ma:termSetId="09814cd3-568e-fe90-9814-8d621ff8fb84" ma:anchorId="fba54fb3-c3e1-fe81-a776-ca4b69148c4d" ma:open="true" ma:isKeyword="false">
      <xsd:complexType>
        <xsd:sequence>
          <xsd:element ref="pc:Terms" minOccurs="0" maxOccurs="1"/>
        </xsd:sequence>
      </xsd:complexType>
    </xsd:element>
    <xsd:element name="MediaServiceDateTaken" ma:index="15" nillable="true" ma:displayName="MediaServiceDateTaken" ma:hidden="true" ma:indexed="true" ma:internalName="MediaServiceDateTaken"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639b08b-8501-4ea9-9887-1d787b692e85"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60230045-EC0A-4EE4-88D1-46B6E77AE709}" ma:internalName="TaxCatchAll" ma:showField="CatchAllData" ma:web="{883e32ea-4da5-4c30-b1ab-ac19797a031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CD98C3D-A3B8-4A35-B8D7-BD05FCDBBA5E}">
  <ds:schemaRefs>
    <ds:schemaRef ds:uri="http://schemas.microsoft.com/office/2006/metadata/properties"/>
    <ds:schemaRef ds:uri="http://schemas.microsoft.com/office/infopath/2007/PartnerControls"/>
    <ds:schemaRef ds:uri="7ac022e4-08da-4273-bd17-73664b39f124"/>
    <ds:schemaRef ds:uri="9639b08b-8501-4ea9-9887-1d787b692e85"/>
  </ds:schemaRefs>
</ds:datastoreItem>
</file>

<file path=customXml/itemProps2.xml><?xml version="1.0" encoding="utf-8"?>
<ds:datastoreItem xmlns:ds="http://schemas.openxmlformats.org/officeDocument/2006/customXml" ds:itemID="{73026D23-9CAA-4D82-A143-A25CA089E3B8}">
  <ds:schemaRefs>
    <ds:schemaRef ds:uri="http://schemas.microsoft.com/sharepoint/v3/contenttype/forms"/>
  </ds:schemaRefs>
</ds:datastoreItem>
</file>

<file path=customXml/itemProps3.xml><?xml version="1.0" encoding="utf-8"?>
<ds:datastoreItem xmlns:ds="http://schemas.openxmlformats.org/officeDocument/2006/customXml" ds:itemID="{3237FC60-7185-4079-85F6-C1BABD0CEDD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ac022e4-08da-4273-bd17-73664b39f124"/>
    <ds:schemaRef ds:uri="9639b08b-8501-4ea9-9887-1d787b692e8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4</vt:i4>
      </vt:variant>
    </vt:vector>
  </HeadingPairs>
  <TitlesOfParts>
    <vt:vector size="6" baseType="lpstr">
      <vt:lpstr>国公立大</vt:lpstr>
      <vt:lpstr>私立大</vt:lpstr>
      <vt:lpstr>国公立大!Print_Area</vt:lpstr>
      <vt:lpstr>私立大!Print_Area</vt:lpstr>
      <vt:lpstr>国公立大!Print_Titles</vt:lpstr>
      <vt:lpstr>私立大!Print_Titles</vt:lpstr>
    </vt:vector>
  </TitlesOfParts>
  <Manager/>
  <Company>学校法人河合塾</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学校法人河合塾</dc:creator>
  <cp:keywords/>
  <dc:description/>
  <cp:revision/>
  <dcterms:created xsi:type="dcterms:W3CDTF">2000-08-07T01:03:27Z</dcterms:created>
  <dcterms:modified xsi:type="dcterms:W3CDTF">2025-12-22T08:29:23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A233A06B0F7F4147936DC6E6A4B0B919</vt:lpwstr>
  </property>
</Properties>
</file>